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00036596\AppData\Local\Microsoft\Windows\INetCache\Content.Outlook\5TGBHZ41\"/>
    </mc:Choice>
  </mc:AlternateContent>
  <xr:revisionPtr revIDLastSave="0" documentId="13_ncr:1_{2393A440-6C74-46C4-B0E6-B69E7B90EC69}" xr6:coauthVersionLast="47" xr6:coauthVersionMax="47" xr10:uidLastSave="{00000000-0000-0000-0000-000000000000}"/>
  <bookViews>
    <workbookView xWindow="-120" yWindow="-120" windowWidth="38640" windowHeight="21120" xr2:uid="{98908E7D-111E-473C-98FA-9BF794B99DD7}"/>
  </bookViews>
  <sheets>
    <sheet name="Hárok1" sheetId="1" r:id="rId1"/>
  </sheets>
  <calcPr calcId="191029" refMode="R1C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198" uniqueCount="1143">
  <si>
    <t>Číslo faktúry/likvidačného listu</t>
  </si>
  <si>
    <t>Dátum doručenia faktúry</t>
  </si>
  <si>
    <t>Dodávateľ</t>
  </si>
  <si>
    <t>Sídlo dodávateľa</t>
  </si>
  <si>
    <t>IČO dodávateľa</t>
  </si>
  <si>
    <t>Popis fakturovaného plnenia</t>
  </si>
  <si>
    <t>Celková hodnota fakturovaného plnenia bez DPH v EUR</t>
  </si>
  <si>
    <t>Celková hodnota fakturovaného plnenia s DPH v EUR</t>
  </si>
  <si>
    <t>Identifikácia zmluvy</t>
  </si>
  <si>
    <t>Identifikácia objednávky</t>
  </si>
  <si>
    <t>FAP42400001</t>
  </si>
  <si>
    <t>Colonade Insurance S.A.</t>
  </si>
  <si>
    <t>Moldavská cesta 8 B, 042 80 Košice</t>
  </si>
  <si>
    <t>Poistenie 9.1.-31.1.2024</t>
  </si>
  <si>
    <t>024/2022, dodatok č.1</t>
  </si>
  <si>
    <t>FAP42400002</t>
  </si>
  <si>
    <t>Up Déjeuner, s.r.o.</t>
  </si>
  <si>
    <t>Tomášikova 64A, 831 04 Bratislava</t>
  </si>
  <si>
    <t>E-kupóny 1/2024 - 154 ks</t>
  </si>
  <si>
    <t>FAP42400003</t>
  </si>
  <si>
    <t>Orange Slovensko, a.s.</t>
  </si>
  <si>
    <t>Metodova 8, 821 08 Bratislava</t>
  </si>
  <si>
    <t>Dobropis k FA č. 2754720424 -Ročný poplatok Office 365</t>
  </si>
  <si>
    <t>Z202214984_Z</t>
  </si>
  <si>
    <t>FAP42400004</t>
  </si>
  <si>
    <t>RELIA</t>
  </si>
  <si>
    <t>Trnavská 80, 821 02 Bratislava</t>
  </si>
  <si>
    <t>VIP prístup na balík webinárov</t>
  </si>
  <si>
    <t>FAP42400005</t>
  </si>
  <si>
    <t>Spencer Medical s.r.o.</t>
  </si>
  <si>
    <t>Turbínova 13, 831 04 Bratislava</t>
  </si>
  <si>
    <t>AED Defibrilátor CardioAid-1 360J + recykl.poplatok</t>
  </si>
  <si>
    <t>FAP42400006</t>
  </si>
  <si>
    <t>ProWise, a.s.</t>
  </si>
  <si>
    <t>Kúpeľná 3, 080 01 Prešov</t>
  </si>
  <si>
    <t>Webinár 23.1.2024 - verejné obstarávanie</t>
  </si>
  <si>
    <t>FAP42400007</t>
  </si>
  <si>
    <t>EDOS-PEM s.r.o.</t>
  </si>
  <si>
    <t>Tematínska 4, 851 05 Bratislava</t>
  </si>
  <si>
    <t>Seminár - Úradné dokumenty podľa novej slov. tech. Normy 24.1.2024</t>
  </si>
  <si>
    <t>FAP42400008</t>
  </si>
  <si>
    <t>Colonnade Insurance S.A.</t>
  </si>
  <si>
    <t>Poistenie 1.2.-31.3.2024</t>
  </si>
  <si>
    <t>024/2022, dodatok č. 2</t>
  </si>
  <si>
    <t>FAP42400009</t>
  </si>
  <si>
    <t>Iniciatíva Arta</t>
  </si>
  <si>
    <t>Kollárova 1644/2, 921 01 Piešťany</t>
  </si>
  <si>
    <t>Zabzepečenie cateringu - podujatie Umenie v architektúre 8.11.23</t>
  </si>
  <si>
    <t>FAP42400010</t>
  </si>
  <si>
    <t>INFOSTAT - Inštitút informatiky a štatistiky</t>
  </si>
  <si>
    <t>Leškova 16, 817 95 Bratislava 15</t>
  </si>
  <si>
    <t>Paušálne služby 12/2023</t>
  </si>
  <si>
    <t>032/2022</t>
  </si>
  <si>
    <t>FAP42400011</t>
  </si>
  <si>
    <t xml:space="preserve">Espresso SK s. r. o. </t>
  </si>
  <si>
    <t>Geologická 1F, 821 06 Bratislava</t>
  </si>
  <si>
    <t>Prenájom kávovarov za 1/2024 (5 ks)</t>
  </si>
  <si>
    <t>228_2023, dodatok č.1,2</t>
  </si>
  <si>
    <t>FAP42400012</t>
  </si>
  <si>
    <t>Dodaný tovar za 1/2024 (zrnková káva 40 ks)</t>
  </si>
  <si>
    <t>228_2023</t>
  </si>
  <si>
    <t>FAP42400013</t>
  </si>
  <si>
    <t>Turan Group s.r.o.</t>
  </si>
  <si>
    <t>Hurbanova 2468/12, 921 01 Piešťany</t>
  </si>
  <si>
    <t>Upratovacie práce za 1/2024</t>
  </si>
  <si>
    <t>229_2023</t>
  </si>
  <si>
    <t>FAP42400015</t>
  </si>
  <si>
    <t>SITA Slovenská tlačová agentúra a.s.</t>
  </si>
  <si>
    <t>Mýtna 15, 811 07 Bratislava</t>
  </si>
  <si>
    <t>Monitoring médií za1/2024</t>
  </si>
  <si>
    <t>061/2023</t>
  </si>
  <si>
    <t>FAP42400016</t>
  </si>
  <si>
    <t>Up Déjeuner, s. r. o.</t>
  </si>
  <si>
    <t>PHM, dial.známka, umývanie auta za 1/2024</t>
  </si>
  <si>
    <t>192/2023</t>
  </si>
  <si>
    <t>FAP42400017</t>
  </si>
  <si>
    <t>Slovak Telekom, a.s</t>
  </si>
  <si>
    <t>Bajkalska 28, 817 62, Bratislava</t>
  </si>
  <si>
    <t>Telefóny, internet za 1/2024</t>
  </si>
  <si>
    <t>054/2023</t>
  </si>
  <si>
    <t>FAP42400018</t>
  </si>
  <si>
    <t>B2B Partner s.r.o.</t>
  </si>
  <si>
    <t>Šulekova 2, 811 06 Bratislava</t>
  </si>
  <si>
    <t>Lekárničky 7ks</t>
  </si>
  <si>
    <t>FAP42400019</t>
  </si>
  <si>
    <t>Lekárničky  2ks</t>
  </si>
  <si>
    <t>FAP42400020</t>
  </si>
  <si>
    <t>ILUMINATA s.r.o.</t>
  </si>
  <si>
    <t>Dunajská 68, 811 08 Bratislava</t>
  </si>
  <si>
    <t>Preklad zo slov. jazyka do anglického</t>
  </si>
  <si>
    <t>151_2023</t>
  </si>
  <si>
    <t>FAP42400021</t>
  </si>
  <si>
    <t>Tomášiková 64A, 831 04 Bratislava</t>
  </si>
  <si>
    <t>E-kupóny 2/2024 - 68 ks</t>
  </si>
  <si>
    <t>Z202215642_Z</t>
  </si>
  <si>
    <t>FAP42400022</t>
  </si>
  <si>
    <t>Znížené nájomné 1/24 alik.č. do 25.1.2024</t>
  </si>
  <si>
    <t>208_2023</t>
  </si>
  <si>
    <t>FAP42400025</t>
  </si>
  <si>
    <t>Nájomné za 2/2024  - znížené</t>
  </si>
  <si>
    <t>FAP42400026</t>
  </si>
  <si>
    <t>Nájomné za 3/2024  - znížené</t>
  </si>
  <si>
    <t>FAP42400028</t>
  </si>
  <si>
    <t>Dobropis k FA č. 2024/0017-vrátený defiblirátor</t>
  </si>
  <si>
    <t>FAP42400029</t>
  </si>
  <si>
    <t>PEKNE&amp;DOBRE s.r.o.</t>
  </si>
  <si>
    <t>Lehockého 6, 811 05 Bratislava</t>
  </si>
  <si>
    <t>Dizajnový kurz BUSINESS ILUSTRACIA  - Králik</t>
  </si>
  <si>
    <t>FAP42400030</t>
  </si>
  <si>
    <t>Dizajnový kurz BUSINESS ILUSTRACIA  - Záleský</t>
  </si>
  <si>
    <t>FAP42400031</t>
  </si>
  <si>
    <t>Seminár - Konsolidovaná účtovná závierka, 8.2.2024</t>
  </si>
  <si>
    <t>FAP42400032</t>
  </si>
  <si>
    <t>MAXNETWORK, s.r.o.</t>
  </si>
  <si>
    <t>Kapitána Jána Nálepku 866/18, 925 22 Veľké Úľany</t>
  </si>
  <si>
    <t>Obstaranie zariadení, SLA, správa zar.  A aplikačné vybavenie</t>
  </si>
  <si>
    <t>223/2023</t>
  </si>
  <si>
    <t>FAP42400033</t>
  </si>
  <si>
    <t>Partizánska cesta 9, 975 99 B.Bystrica</t>
  </si>
  <si>
    <t>Podaj zásielok január 2024-poštové služby</t>
  </si>
  <si>
    <t>038/2022</t>
  </si>
  <si>
    <t>FAP42400034</t>
  </si>
  <si>
    <t>Seyfor Slovensko, a.s.</t>
  </si>
  <si>
    <t>Plynárenská 7/C, 821 09 Bratislava</t>
  </si>
  <si>
    <t>Vystavenie tokenu 47982 - účtovnička 4</t>
  </si>
  <si>
    <t>044_2023, dodatok č.1-2</t>
  </si>
  <si>
    <t>FAP42400035</t>
  </si>
  <si>
    <t>Školenie Vema na prácach súvisiacich s uzavretím r. 2023</t>
  </si>
  <si>
    <t xml:space="preserve">Slovanet a.s., </t>
  </si>
  <si>
    <t>Záhradnícka 151, 821 08 Bratislava</t>
  </si>
  <si>
    <t>FAP42400037</t>
  </si>
  <si>
    <t>Paušálny poplatok za pripojenia 1/2024</t>
  </si>
  <si>
    <t>152_2023</t>
  </si>
  <si>
    <t>FAP42400038</t>
  </si>
  <si>
    <t>Macrosoft s.r.o.</t>
  </si>
  <si>
    <t>Štefánikova 47, 811 04 Bratislava</t>
  </si>
  <si>
    <t>Kurz - Word 3 pokročilý. K. Porubská</t>
  </si>
  <si>
    <t>FAP42400039</t>
  </si>
  <si>
    <t>Kurz- Excel 2 mierne pokroč., Hornická, Porubská</t>
  </si>
  <si>
    <t>FAP42400040</t>
  </si>
  <si>
    <t>Kurz-MS Office v praxi - balík Excel, Word, Powe.</t>
  </si>
  <si>
    <t>FAP42400042</t>
  </si>
  <si>
    <t>Paušálny poplatok za pripojenia 12/2023</t>
  </si>
  <si>
    <t>FAP42400043</t>
  </si>
  <si>
    <t>LO2 s. r. o.</t>
  </si>
  <si>
    <t>Tomášikova 64/A, 831 03 Bratislava</t>
  </si>
  <si>
    <t>Spotreba vody a elektrickej nenergie 12/2023</t>
  </si>
  <si>
    <t>011/2022, dodatok č. 1-5</t>
  </si>
  <si>
    <t>FAP42400044</t>
  </si>
  <si>
    <t>Lakeside Office 1, a.s.</t>
  </si>
  <si>
    <t>Elektrická energia, informačná tabuľa 4-12/23</t>
  </si>
  <si>
    <t>051/2023</t>
  </si>
  <si>
    <t>FAP42400045</t>
  </si>
  <si>
    <t>Preklad zo slov. jazyka do anglického jazyka</t>
  </si>
  <si>
    <t>FAP42400048</t>
  </si>
  <si>
    <t xml:space="preserve">Školenie Vema </t>
  </si>
  <si>
    <t>FAP42400049</t>
  </si>
  <si>
    <t>Poradca podnikateľa, spol. s r.o.</t>
  </si>
  <si>
    <t>Martina Rázusa 23A, 010 01 Žilina 1</t>
  </si>
  <si>
    <t>Konferencia - Verejné obstarávanie 2024, 13.-14.2.2024</t>
  </si>
  <si>
    <t>FAP42400050</t>
  </si>
  <si>
    <t>RUŽIČKA AND PARTNERS s.r.o.</t>
  </si>
  <si>
    <t>Vysoká 2/B, 811 06 Bratislava</t>
  </si>
  <si>
    <t>Právne služby (právna analýza)</t>
  </si>
  <si>
    <t>222_2023</t>
  </si>
  <si>
    <t>FAP42400051</t>
  </si>
  <si>
    <t>Poplatok za dátové prostredie 1-3/24, poplatok za využívanie aplikácií Vema Cloud Els 1-3/224</t>
  </si>
  <si>
    <t>044_2023, Dodatok č.2</t>
  </si>
  <si>
    <t>FAP42400053</t>
  </si>
  <si>
    <t>Vzdelávanie-seminár "Úradné dokumenty"</t>
  </si>
  <si>
    <t>FAP42400014</t>
  </si>
  <si>
    <t>BADUCCI Legal, s.r.o.</t>
  </si>
  <si>
    <t>Mostová 2, 811 02 Bratislava</t>
  </si>
  <si>
    <t>Právne služby za 1/2024</t>
  </si>
  <si>
    <t>029/2022, Dodatok č. 1</t>
  </si>
  <si>
    <t>FAP42400023</t>
  </si>
  <si>
    <t>FAP42400024</t>
  </si>
  <si>
    <t>Energie a služby 1/24 alik.č. od 25.1.2024</t>
  </si>
  <si>
    <t>Náklady na energie a služby 2/2024</t>
  </si>
  <si>
    <t>FAP42400027</t>
  </si>
  <si>
    <t>Náklady na energie a služby 3/2024</t>
  </si>
  <si>
    <t>FAP42400036</t>
  </si>
  <si>
    <t>Služby za internet 1/2024</t>
  </si>
  <si>
    <t>216_2023</t>
  </si>
  <si>
    <t>FAP42400041</t>
  </si>
  <si>
    <t>Služby za internet 12/2023</t>
  </si>
  <si>
    <t>FAP42400046</t>
  </si>
  <si>
    <t>FAP42400047</t>
  </si>
  <si>
    <t>NASES</t>
  </si>
  <si>
    <t>Kollárova 8, 917 02 Trnava</t>
  </si>
  <si>
    <t>Mesačný paušál IT služby Workplace Management za 1/2024, konzultačné služby</t>
  </si>
  <si>
    <t>150/2023</t>
  </si>
  <si>
    <t>PhDr.Spišáková Majster P</t>
  </si>
  <si>
    <t>Wolkrova 5, 851 01 Bratislava</t>
  </si>
  <si>
    <t>Hygienické a čistiace prostriedky</t>
  </si>
  <si>
    <t>Z20231044_Z</t>
  </si>
  <si>
    <t>FAP42400052</t>
  </si>
  <si>
    <t>Tomášokova 64/A, 831 04 Bratislava</t>
  </si>
  <si>
    <t>El., energia a vodné stočné 1/2024</t>
  </si>
  <si>
    <t>011/2022, Dodatok č. 1-5</t>
  </si>
  <si>
    <t>FAP42400054</t>
  </si>
  <si>
    <t>FAP42400055</t>
  </si>
  <si>
    <t>FAP42400056</t>
  </si>
  <si>
    <t>FAP42400057</t>
  </si>
  <si>
    <t>FAP42400058</t>
  </si>
  <si>
    <t>FAP42400059</t>
  </si>
  <si>
    <t>FAP42400060</t>
  </si>
  <si>
    <t>FAP42400062</t>
  </si>
  <si>
    <t>FAP42400063</t>
  </si>
  <si>
    <t>FAP42400064</t>
  </si>
  <si>
    <t>FAP42400065</t>
  </si>
  <si>
    <t>FAP42400066</t>
  </si>
  <si>
    <t>FAP42400067</t>
  </si>
  <si>
    <t>Alma Career Slovakia s.r.o.</t>
  </si>
  <si>
    <t>Pribinova 19, 811 09 Bratislava</t>
  </si>
  <si>
    <t>Balík služieb na portáli od 21.2.2024-20.2.2025</t>
  </si>
  <si>
    <t>Balík služieb www.profesia.sk</t>
  </si>
  <si>
    <t xml:space="preserve">JF s.r.o., </t>
  </si>
  <si>
    <t>Záhradná 4, 962 12 Detva</t>
  </si>
  <si>
    <t>BOZP, Preventívme protipož.prehliadkz 1/2024</t>
  </si>
  <si>
    <t>Z202313925_Z</t>
  </si>
  <si>
    <t>Agentúra JASPIS s.r.o.</t>
  </si>
  <si>
    <t>Rekvalifikačný kurz Mzdy a personalistika 7.2.-23.2.2024</t>
  </si>
  <si>
    <t>BEGA s.r.o.</t>
  </si>
  <si>
    <t>PD, 951 36 Lehota</t>
  </si>
  <si>
    <t>Ergonomické pracovné stoličky s pevnou chrbtovou výplňou a opierkou hlavy</t>
  </si>
  <si>
    <t>195_2023</t>
  </si>
  <si>
    <t>Zásuvkový pojazdný kontajner - 7 ks</t>
  </si>
  <si>
    <t>193_2023</t>
  </si>
  <si>
    <t>Paušálne služby 1/2024</t>
  </si>
  <si>
    <t>003_2024</t>
  </si>
  <si>
    <t>Tomášikova 64, 831 04 Bratislava</t>
  </si>
  <si>
    <t>Spotreba elektrickej energie 1/2024</t>
  </si>
  <si>
    <t xml:space="preserve">Dobropis - Právne služby (právna analýza) </t>
  </si>
  <si>
    <t>HS technology s.r.o.</t>
  </si>
  <si>
    <t>Fraňa Mojtu 22, 949 01 Nitra</t>
  </si>
  <si>
    <t>Obstaranie cloudového balíka Micfosoft 365 E3</t>
  </si>
  <si>
    <t>Z20231037_Z</t>
  </si>
  <si>
    <t>BOZP-Dobropis k FA 10240524</t>
  </si>
  <si>
    <t>K_CORP s.r.o.</t>
  </si>
  <si>
    <t>Radlinského 2231/20, 05201 Sp. N.Ves</t>
  </si>
  <si>
    <t>Prenájom tlačiarní a tlačové služby za 1/2024</t>
  </si>
  <si>
    <t>157_2023</t>
  </si>
  <si>
    <t>Centrum účelových zariadení</t>
  </si>
  <si>
    <t>Rekreačná 13, 921 01 Piešťany</t>
  </si>
  <si>
    <t>Poskytnutie odbornej prípravy na realizáciu odbornej skúšky pre zabezpečenie činnnosti stavebného úradu</t>
  </si>
  <si>
    <t>146_2023</t>
  </si>
  <si>
    <t>FAP42400068</t>
  </si>
  <si>
    <t>TIDLY reality s.r.o.</t>
  </si>
  <si>
    <t>Dolná 5, 969 01 Banská Štiavnica 1</t>
  </si>
  <si>
    <t>Nájomné a prevádzkové náklady za pobočku TT, 2,3.2024</t>
  </si>
  <si>
    <t>211_2023</t>
  </si>
  <si>
    <t>FAP42400069</t>
  </si>
  <si>
    <t>PROEKO s.r.o.</t>
  </si>
  <si>
    <t>Strmý vŕšok 18, 841 06 Bratislava</t>
  </si>
  <si>
    <t>Účastnícky poplatok za ONLINE seminár 28.2.2024 - Správne ste vykonali inventarizáciu a dokumentáciu z nej?</t>
  </si>
  <si>
    <t>FAP42400070</t>
  </si>
  <si>
    <t>Odborný seminár "Zákon č.10/1996 Z.z. o kontrole v štátnej správe, 6.2.2024</t>
  </si>
  <si>
    <t>FAP42400072</t>
  </si>
  <si>
    <t>Dodaný tovar za 2/2024 (zrnková káva 40 ks)</t>
  </si>
  <si>
    <t>FAP42400073</t>
  </si>
  <si>
    <t>Prenájom kávovarov za 2/2024 - 5 ks</t>
  </si>
  <si>
    <t>FAP42400074</t>
  </si>
  <si>
    <t>Právne služby 2/2024</t>
  </si>
  <si>
    <t>FAP42400075</t>
  </si>
  <si>
    <t>PHM, dial.známka, umývanie auta za 2/2024</t>
  </si>
  <si>
    <t>FAP42400076</t>
  </si>
  <si>
    <t>Slovak Telekom, a.s.</t>
  </si>
  <si>
    <t>Bajkalská 28, 817 62 Bratislava</t>
  </si>
  <si>
    <t>Telefóny, internet za 2/2024</t>
  </si>
  <si>
    <t>FAP42400077</t>
  </si>
  <si>
    <t>Mobilné telefóny Samsung 80 ks, iPhone 10 KS</t>
  </si>
  <si>
    <t>FAP42400078</t>
  </si>
  <si>
    <t>RELIA s.r.o.</t>
  </si>
  <si>
    <t>Prístup na balík webinárov do 31.12.2024</t>
  </si>
  <si>
    <t>FAP42400079</t>
  </si>
  <si>
    <t>Obstaranie zariadení, SLA, správa zar.  a aplikačné vybavenie</t>
  </si>
  <si>
    <t>FAP42400080</t>
  </si>
  <si>
    <t>VAMO REAL s r.o.</t>
  </si>
  <si>
    <t>Uhoľná 3, 010 01 Žilina</t>
  </si>
  <si>
    <t>Preddavky na vlastné energie 3/2024 (pobočka Žilina)</t>
  </si>
  <si>
    <t>209_2023</t>
  </si>
  <si>
    <t>FAP42400082</t>
  </si>
  <si>
    <t>Nájoom NP 3/2024-Žilina</t>
  </si>
  <si>
    <t>209_2023, Dodatok č. 1</t>
  </si>
  <si>
    <t>FAP42400083</t>
  </si>
  <si>
    <t>E-kupóny 3/2024, 102 ks</t>
  </si>
  <si>
    <t>FAP42400084</t>
  </si>
  <si>
    <t>Oboznamovanie ZC s BOZP a OP</t>
  </si>
  <si>
    <t>FAP42400085</t>
  </si>
  <si>
    <t>Prenájom tlačiarní a tlačové služby za 2/2024</t>
  </si>
  <si>
    <t>FAP42400086</t>
  </si>
  <si>
    <t>VICTORIES s.r.o.</t>
  </si>
  <si>
    <t>Grosslingova 4, 811 09 Bratislava</t>
  </si>
  <si>
    <t>Predlžovací kábel 200ks</t>
  </si>
  <si>
    <t>FAP42400088</t>
  </si>
  <si>
    <t>Vystavenie tokenu 47982 - správa majetku1</t>
  </si>
  <si>
    <t>044_2023</t>
  </si>
  <si>
    <t>FAP42400090</t>
  </si>
  <si>
    <t>2U spol. s r.o.</t>
  </si>
  <si>
    <t>Trnavská cesta 84, 821 02 Bratislava</t>
  </si>
  <si>
    <t>Vlajky EU a SR s príslušenstvom</t>
  </si>
  <si>
    <t>FAP42400092</t>
  </si>
  <si>
    <t>Tablet 1. kategória - Samsung S8 Ultra - 27 ks</t>
  </si>
  <si>
    <t>055/2023</t>
  </si>
  <si>
    <t>FAP42400093</t>
  </si>
  <si>
    <t>PosAm, apol. s r.o.</t>
  </si>
  <si>
    <t>Pribinova 40, 821 09 Bratislava</t>
  </si>
  <si>
    <t>USB token - p. Bobor, Štepková</t>
  </si>
  <si>
    <t>FAP42400095</t>
  </si>
  <si>
    <t>Nájom nebytových preistorov 4-6/24 -Žilina</t>
  </si>
  <si>
    <t>209_2023 a Dodatok č.1</t>
  </si>
  <si>
    <t>FAP42400096</t>
  </si>
  <si>
    <t>Preddavky na vlastné energie 4-6/24 -Žilina</t>
  </si>
  <si>
    <t>FAP42400104</t>
  </si>
  <si>
    <t>Tomášiková 64/A, 831 04 Bratislava</t>
  </si>
  <si>
    <t>Spotreba energie, el., vodné-stočné 2/24</t>
  </si>
  <si>
    <t>FAP42400115</t>
  </si>
  <si>
    <t>Právne služby (právna analýza) 2/2024</t>
  </si>
  <si>
    <t>FAP42400116</t>
  </si>
  <si>
    <t>Právne služby (právna analýza) 1/2024</t>
  </si>
  <si>
    <t>FAP42400118</t>
  </si>
  <si>
    <t>Spotreba elektrickej energie 2/2024</t>
  </si>
  <si>
    <t>FAP42400061</t>
  </si>
  <si>
    <t>Unicorn Systems SK s.r.o.</t>
  </si>
  <si>
    <t>Ševčenkova 34, 851 01 Bratislava 5</t>
  </si>
  <si>
    <t>Server typ 1 UPS</t>
  </si>
  <si>
    <t>215_2023</t>
  </si>
  <si>
    <t>FAP42400071</t>
  </si>
  <si>
    <t>Upratovacie práce za 2/2024</t>
  </si>
  <si>
    <t>FAP42400081</t>
  </si>
  <si>
    <t>Nájom parkovacích miest 2/2024-Žilina</t>
  </si>
  <si>
    <t>FAP42400087</t>
  </si>
  <si>
    <t>TODOS Bratislava s.r.o.</t>
  </si>
  <si>
    <t>M.Sch.Trnavského</t>
  </si>
  <si>
    <t>Servisn auta AA184BT</t>
  </si>
  <si>
    <t>FAP42400091</t>
  </si>
  <si>
    <t>Slovenská pošta , a.s.</t>
  </si>
  <si>
    <t>Dobropis DEKVS 2/2024 k FA 9001619552</t>
  </si>
  <si>
    <t>FAP42400094</t>
  </si>
  <si>
    <t>Nájom parkovacích miest 4-6/2024-Žilina</t>
  </si>
  <si>
    <t>FAP42400097</t>
  </si>
  <si>
    <t>Skladací plošinový vozík 2ks</t>
  </si>
  <si>
    <t>FAP42400098</t>
  </si>
  <si>
    <t>FAP42400099</t>
  </si>
  <si>
    <t>FAP42400100</t>
  </si>
  <si>
    <t>FAP42400101</t>
  </si>
  <si>
    <t>FAP42400102</t>
  </si>
  <si>
    <t>FAP42400103</t>
  </si>
  <si>
    <t>FAP42400105</t>
  </si>
  <si>
    <t>JADO Trade s.r.o.</t>
  </si>
  <si>
    <t>Bernolákovská 1288/62, 900 28 Ivanka pri Dunaji</t>
  </si>
  <si>
    <t>Digitálna balíková váha SF 890 - UUPV</t>
  </si>
  <si>
    <t>FAP42400106</t>
  </si>
  <si>
    <t>Digitálna balíková váha SF 890-Trnava</t>
  </si>
  <si>
    <t>FAP42400107</t>
  </si>
  <si>
    <t>Digitálna balíková váha SF 890-Nitra</t>
  </si>
  <si>
    <t>FAP42400108</t>
  </si>
  <si>
    <t>Digitálna balíková váha SF 890-Trenčín</t>
  </si>
  <si>
    <t>FAP42400109</t>
  </si>
  <si>
    <t>Digitálna balíková váha SF 890-Žilina</t>
  </si>
  <si>
    <t>FAP42400110</t>
  </si>
  <si>
    <t>Digitálna balíková váha SF 890-Banská Bystrica</t>
  </si>
  <si>
    <t>FAP42400111</t>
  </si>
  <si>
    <t>Digitálna balíková váha SF 890-Prešov</t>
  </si>
  <si>
    <t>FAP42400112</t>
  </si>
  <si>
    <t>Digitálna balíková váha SF 890-Košice</t>
  </si>
  <si>
    <t>FAP42400113</t>
  </si>
  <si>
    <t>Paušálne služby 2/2024</t>
  </si>
  <si>
    <t>FAP42400114</t>
  </si>
  <si>
    <t>Mesačný paušál 2/2024</t>
  </si>
  <si>
    <t>FAP42400117</t>
  </si>
  <si>
    <t>FAP42400119</t>
  </si>
  <si>
    <t>Mreality Prešov s.r.o.</t>
  </si>
  <si>
    <t>Kúpeľná 6, 080 01 Prešov</t>
  </si>
  <si>
    <t>Nájomné za kancelárske priestory a parkovné 3/2024</t>
  </si>
  <si>
    <t>210_2023</t>
  </si>
  <si>
    <t>FAP42400120</t>
  </si>
  <si>
    <t>Nájomné za kancelárske priestory a parkovné 4/2024</t>
  </si>
  <si>
    <t>FAP42400121</t>
  </si>
  <si>
    <t>Elektrická energia, plyn, voda a ostatné služby 3/2024</t>
  </si>
  <si>
    <t>FAP42400122</t>
  </si>
  <si>
    <t>Elektrická energia, plyn, voda a ostatné služby 4/2024</t>
  </si>
  <si>
    <t>FAP42400123</t>
  </si>
  <si>
    <t>Dobropis - vlajky EU a SR s príslušenstvom</t>
  </si>
  <si>
    <t>FAP42400124</t>
  </si>
  <si>
    <t>MicroMedia s.r.o.</t>
  </si>
  <si>
    <t>Belgická 196/38, 12000 Praha 2</t>
  </si>
  <si>
    <t>ZoomSphere licence od 7.3.24 do 6.3.25</t>
  </si>
  <si>
    <t>FAP42400125</t>
  </si>
  <si>
    <t>STU v Bratislave</t>
  </si>
  <si>
    <t>Vazovova 5, 812 43 Bratislava</t>
  </si>
  <si>
    <t>Vzdelávanie na Odbornom minime pre znalcov</t>
  </si>
  <si>
    <t>FAP42400126</t>
  </si>
  <si>
    <t>FAP42400127</t>
  </si>
  <si>
    <t>DAVEX - SK, s.r.o.</t>
  </si>
  <si>
    <t>Brezová 65, 010 08 Žilina - Rosinky</t>
  </si>
  <si>
    <t>Pečiatky - 277 ks</t>
  </si>
  <si>
    <t>FAP42400128</t>
  </si>
  <si>
    <t>Zásuvkový pojazdný kontajner - 29 ks</t>
  </si>
  <si>
    <t>FAP42400129</t>
  </si>
  <si>
    <t>Ergonom.prac.stolička s pevnou chrbtovou časťou - 16 ks</t>
  </si>
  <si>
    <t>FAP42400130</t>
  </si>
  <si>
    <t>Nájom nebytových preistorov 4/24 -Trnava</t>
  </si>
  <si>
    <t>FAP42400131</t>
  </si>
  <si>
    <t>Ennea s.r.o.</t>
  </si>
  <si>
    <t>K dolnej stanica 7368, 91101 Trenčín</t>
  </si>
  <si>
    <t>Nájom priestorov 4/2024</t>
  </si>
  <si>
    <t>212_2023</t>
  </si>
  <si>
    <t>FAP42400132</t>
  </si>
  <si>
    <t>Náklady na energie a služby 4/2024</t>
  </si>
  <si>
    <t>FAP42400133</t>
  </si>
  <si>
    <t>FAP42400134</t>
  </si>
  <si>
    <t>Nájom priestorov 3/2024</t>
  </si>
  <si>
    <t>FAP42400135</t>
  </si>
  <si>
    <t>Visual Paradigm International Ltd.</t>
  </si>
  <si>
    <t>1802,18/F,Laford Center, 838 Lai Chi Kok Road, KLN, Hong Kong</t>
  </si>
  <si>
    <t xml:space="preserve">  ---</t>
  </si>
  <si>
    <t>Visual Paradigm Enterprise One-year Maintenance - 2 ks</t>
  </si>
  <si>
    <t>FAP42400136</t>
  </si>
  <si>
    <t>Server typ 1 UPS - dobropis</t>
  </si>
  <si>
    <t>FAP42400138</t>
  </si>
  <si>
    <t>Školenie "Zákon o sťažnostiach v ZNP</t>
  </si>
  <si>
    <t>FAP42400139</t>
  </si>
  <si>
    <t>Tablet Samsung Galaxy TabS9 - 7ks</t>
  </si>
  <si>
    <t>055_2023</t>
  </si>
  <si>
    <t>FAP42400140</t>
  </si>
  <si>
    <t>Apple iPad Pro 12,9 palcový - 10ks</t>
  </si>
  <si>
    <t>FAP42400141</t>
  </si>
  <si>
    <t>Mediderma Invest, s.r.o.</t>
  </si>
  <si>
    <t>Novozámocká 67 C, 949 05 Nitra</t>
  </si>
  <si>
    <t>Nájomné za 4/2024 - znížené</t>
  </si>
  <si>
    <t>FAP42400142</t>
  </si>
  <si>
    <t xml:space="preserve">Energie a služby 4/2024 </t>
  </si>
  <si>
    <t>FAP42400143</t>
  </si>
  <si>
    <t>Výrobňa reklamy s.r.o.</t>
  </si>
  <si>
    <t>Mliekarenská 8, 821 09 Bratislava</t>
  </si>
  <si>
    <t>Dodanie a dosadenie polepov a tabúľ pre označenie RÚ</t>
  </si>
  <si>
    <t>FAP42400144</t>
  </si>
  <si>
    <t>Faksimile - 1 ks</t>
  </si>
  <si>
    <t>Z20237089_Z</t>
  </si>
  <si>
    <t>FAP42400145</t>
  </si>
  <si>
    <t>Up Déjeuner s.r.o.</t>
  </si>
  <si>
    <t>E-kupóny 4/2024 517</t>
  </si>
  <si>
    <t>FAP42400146</t>
  </si>
  <si>
    <t>Odborná príprava</t>
  </si>
  <si>
    <t>FAP42400147</t>
  </si>
  <si>
    <t>Dodaný tovar za 3/2024</t>
  </si>
  <si>
    <t>FAP42400148</t>
  </si>
  <si>
    <t>Upratovacie práce 3/2024</t>
  </si>
  <si>
    <t>FAP42400149</t>
  </si>
  <si>
    <t>Nájom a prev.náklady 2Q 2024</t>
  </si>
  <si>
    <t>FAP42400150</t>
  </si>
  <si>
    <t>PHM, umytie auta</t>
  </si>
  <si>
    <t>192/2024</t>
  </si>
  <si>
    <t>FAP42400153</t>
  </si>
  <si>
    <t>Eltim s.r.o.</t>
  </si>
  <si>
    <t>Záhradná 575/90, 919 61 Ružindol</t>
  </si>
  <si>
    <t>Sťahovacie služby-BB</t>
  </si>
  <si>
    <t>FAP42400154</t>
  </si>
  <si>
    <t>Sťahovacie služby-Trnava</t>
  </si>
  <si>
    <t>FAP42400156</t>
  </si>
  <si>
    <t>Právne služby 3/2024</t>
  </si>
  <si>
    <t>029/2022, Dodatok č. 1, č.2</t>
  </si>
  <si>
    <t>FAP42400157</t>
  </si>
  <si>
    <t>Prenájom kávovarov 3/2024</t>
  </si>
  <si>
    <t>FAP42400159</t>
  </si>
  <si>
    <t>FAP42400160</t>
  </si>
  <si>
    <t>Tibor Varga TSV PAPIER</t>
  </si>
  <si>
    <t>Vajanského 80, 984 01 Lučenec</t>
  </si>
  <si>
    <t>Kancelársky papier na RÚ</t>
  </si>
  <si>
    <t>FAP42400161</t>
  </si>
  <si>
    <t>Open Geospatial Consortium</t>
  </si>
  <si>
    <t>Leuven 3001, Belgium</t>
  </si>
  <si>
    <t>BE0723480537</t>
  </si>
  <si>
    <t>Conferencia 2024 Matej Hanus</t>
  </si>
  <si>
    <t>FAP42400162</t>
  </si>
  <si>
    <t>Conferencia 2024 Roman Skorka</t>
  </si>
  <si>
    <t>FAP42400163</t>
  </si>
  <si>
    <t>Conferencia 2024 Martin Hypký</t>
  </si>
  <si>
    <t>FAP42400164</t>
  </si>
  <si>
    <t>Telefóny,internet za 3/2024</t>
  </si>
  <si>
    <t>FAP42400165</t>
  </si>
  <si>
    <t>AUTOPOLIS, a.s.</t>
  </si>
  <si>
    <t>Panónska cesta 32, 851 04 Bratislava</t>
  </si>
  <si>
    <t>Servisná prehliadka -AA604ED</t>
  </si>
  <si>
    <t>FAP42400166</t>
  </si>
  <si>
    <t>Nájom a prev.náklady 1Q 2024-opravná FA</t>
  </si>
  <si>
    <t>FAP42400167</t>
  </si>
  <si>
    <t>INVEST 29 - Westend Square a.s.</t>
  </si>
  <si>
    <t>Karloveská 34, 841 04 Bratislava</t>
  </si>
  <si>
    <t>Dofakturácia - služby, vyúčtovanie 1-9.23</t>
  </si>
  <si>
    <t>027/2022</t>
  </si>
  <si>
    <t>FAP42400168</t>
  </si>
  <si>
    <t>Nájom priestorov 5/2024</t>
  </si>
  <si>
    <t>212_2023, Dodatok č. 1</t>
  </si>
  <si>
    <t>FAP42400169</t>
  </si>
  <si>
    <t>Náklady na energie a služby 5/2024</t>
  </si>
  <si>
    <t>FAP42400170</t>
  </si>
  <si>
    <t>ProFuturion accounting s.r.o.</t>
  </si>
  <si>
    <t>Betliarska 22, 851 07 Bratislava</t>
  </si>
  <si>
    <t>Videoškolenie -"Dohodári komplexne"</t>
  </si>
  <si>
    <t>FAP42400171</t>
  </si>
  <si>
    <t>Záhradná 4, 9612 12 Detva</t>
  </si>
  <si>
    <t>FAP42400172</t>
  </si>
  <si>
    <t>Elektrosped a.s.</t>
  </si>
  <si>
    <t>Dialničná cesta 6015/12A, 903 01 Senec</t>
  </si>
  <si>
    <t xml:space="preserve">Viacúčelový vysávač ETA </t>
  </si>
  <si>
    <t>FAP42400173</t>
  </si>
  <si>
    <t>FAP42400174</t>
  </si>
  <si>
    <t>FAP42400175</t>
  </si>
  <si>
    <t>FAP42400176</t>
  </si>
  <si>
    <t>FAP42400177</t>
  </si>
  <si>
    <t>FAP42400178</t>
  </si>
  <si>
    <t>FAP42400179</t>
  </si>
  <si>
    <t>Internet Mall Slovakia, s.r.o.</t>
  </si>
  <si>
    <t>Prievozská 4D, 821 09 Bratislava</t>
  </si>
  <si>
    <t>Chladnička, Mikrovlnná rúra, varné kanvice</t>
  </si>
  <si>
    <t>FAP42400180</t>
  </si>
  <si>
    <t>Tomášiková 64, 831 04 Bratislava</t>
  </si>
  <si>
    <t>Nájomné - Informačná tabuľa 2/2024</t>
  </si>
  <si>
    <t>FAP42400181</t>
  </si>
  <si>
    <t>Nájomné - Informačná tabuľa 3/2024</t>
  </si>
  <si>
    <t>FAP42400182</t>
  </si>
  <si>
    <t>Monitoring médií za 3/2024</t>
  </si>
  <si>
    <t>FAP42400183</t>
  </si>
  <si>
    <t>Nájomné za kancelárie a parkovacie miesta 5/2024</t>
  </si>
  <si>
    <t>FAP42400184</t>
  </si>
  <si>
    <t>Elektrická energia, plyn, voda a služby 5/2024</t>
  </si>
  <si>
    <t>FAP42400186</t>
  </si>
  <si>
    <t>OTIDEA s.r.o.</t>
  </si>
  <si>
    <t>Astrová 2/A</t>
  </si>
  <si>
    <t>Online školenie</t>
  </si>
  <si>
    <t>FAP42400187</t>
  </si>
  <si>
    <t>E-kupóny 4/2024 137</t>
  </si>
  <si>
    <t>FAP42400188</t>
  </si>
  <si>
    <t>Telamon Slovakia s.r.o.</t>
  </si>
  <si>
    <t>Duklianska 584/10, 052 01 Spišská Nová Ves</t>
  </si>
  <si>
    <t>Mediálny tréning pre 3 osoby</t>
  </si>
  <si>
    <t>FAP42400203</t>
  </si>
  <si>
    <t>Conferencia 2024 Lucia Starečková</t>
  </si>
  <si>
    <t>FAP42400204</t>
  </si>
  <si>
    <t>EU Generation</t>
  </si>
  <si>
    <t xml:space="preserve"> Erlachgasse 12/16, A-1100 Viedeň</t>
  </si>
  <si>
    <t>SK3020800178</t>
  </si>
  <si>
    <t>Konferencia "Pracovné právo 2024"</t>
  </si>
  <si>
    <t>FAP42400207</t>
  </si>
  <si>
    <t>Prenájom tlačiarní a tlačové služby za 3/2024</t>
  </si>
  <si>
    <t>FAP42400208</t>
  </si>
  <si>
    <t>Nájomné za 5/2024 - znížené</t>
  </si>
  <si>
    <t>FAP42400209</t>
  </si>
  <si>
    <t>Poštové služby za 3/2024</t>
  </si>
  <si>
    <t>FAP42400210</t>
  </si>
  <si>
    <t>Ergonom.prac.stolička s pevnou chrbtovou časťou - 22 ks</t>
  </si>
  <si>
    <t>FAP42400212</t>
  </si>
  <si>
    <t>Mgr. Miroslava Boháčová - BOA</t>
  </si>
  <si>
    <t>Trebišovská 19, 821 01 Bratislava2</t>
  </si>
  <si>
    <t>Bezkontaktná čipová karta Mifare S50</t>
  </si>
  <si>
    <t>FAP42400213</t>
  </si>
  <si>
    <t>DOBROPIS-El energie 1-4/2024</t>
  </si>
  <si>
    <t>FAP42400214</t>
  </si>
  <si>
    <t>airwings, s.r.o.</t>
  </si>
  <si>
    <t>Horská 11A, 831 54 Bratislava</t>
  </si>
  <si>
    <t>Letenky-Hypký, Hanus, Skorka,Starečková</t>
  </si>
  <si>
    <t>FAP42400215</t>
  </si>
  <si>
    <t>FAP42400216</t>
  </si>
  <si>
    <t>Nakladatelství C.H.Beck, s.r.o.,organizačná zložka</t>
  </si>
  <si>
    <t>Michalská 9, 811 01 Bratislava</t>
  </si>
  <si>
    <t>Seminár: Dokazovanie a taktika vedenia sporu</t>
  </si>
  <si>
    <t>FAP42400225</t>
  </si>
  <si>
    <t>Spotreba energie, el., vodné-stočné 3/24</t>
  </si>
  <si>
    <t>FAP42400226</t>
  </si>
  <si>
    <t>DOBROPIS-Nájomné II.Q_nájom.sklad</t>
  </si>
  <si>
    <t>FAP42400228</t>
  </si>
  <si>
    <t>Cassovar business center a.s.</t>
  </si>
  <si>
    <t>Vajnorská 100/B, 831 04 Bratislava</t>
  </si>
  <si>
    <t>Poplatok za správu budovy 5.3.-31.3.2024</t>
  </si>
  <si>
    <t>FAP42400229</t>
  </si>
  <si>
    <t>Zálohová platba za náklady na energie 4/24</t>
  </si>
  <si>
    <t>FAP42400230</t>
  </si>
  <si>
    <t>Poplatok za správu budovy 04/2024</t>
  </si>
  <si>
    <t>FAP42400231</t>
  </si>
  <si>
    <t>Nájomné za priestory 04/2024</t>
  </si>
  <si>
    <t>FAP42400232</t>
  </si>
  <si>
    <t>Nájomné za priestory 5.3.-31.3.2024</t>
  </si>
  <si>
    <t>FAP42400233</t>
  </si>
  <si>
    <t>Zálohová platba za náklady na en.5.3.-31.3.24</t>
  </si>
  <si>
    <t>FAP42400234</t>
  </si>
  <si>
    <t>Nájomné za priestory 05/2024</t>
  </si>
  <si>
    <t>FAP42400235</t>
  </si>
  <si>
    <t>Zálohová platba na náklady za en. 05/2024</t>
  </si>
  <si>
    <t>FAP42400236</t>
  </si>
  <si>
    <t>Poplatok za správu budovy 05/2024</t>
  </si>
  <si>
    <t>FAP42400237</t>
  </si>
  <si>
    <t xml:space="preserve">Jungheinrich spol. s r.o. </t>
  </si>
  <si>
    <t>Dialničná cesta 17,  903 01 Senec</t>
  </si>
  <si>
    <t>Skrinka na kľúče (10 ks)</t>
  </si>
  <si>
    <t>Interpolis, a.s.</t>
  </si>
  <si>
    <t>Dolná 6A, 974 01 Banská Bystrica</t>
  </si>
  <si>
    <t>214_2023</t>
  </si>
  <si>
    <t>FAP42400240</t>
  </si>
  <si>
    <t>FAP42400242</t>
  </si>
  <si>
    <t>Nájomné a prevádzkové náklady za pobočku TT, 5/2024</t>
  </si>
  <si>
    <t>FAP42400244</t>
  </si>
  <si>
    <t>Spotreba energie 3/2024 - RÚ BB</t>
  </si>
  <si>
    <t>213_2023</t>
  </si>
  <si>
    <t>FAP42400089</t>
  </si>
  <si>
    <t>Paušálny poplatok za pripojenie 2/2024</t>
  </si>
  <si>
    <t>FAP42400137</t>
  </si>
  <si>
    <t>FAP42400151</t>
  </si>
  <si>
    <t>Sťahovacie služby-Žilina</t>
  </si>
  <si>
    <t>FAP42400152</t>
  </si>
  <si>
    <t>Sťahovacie služby-Trenčín</t>
  </si>
  <si>
    <t>FAP42400155</t>
  </si>
  <si>
    <t>Sťahovacie služby-Košice</t>
  </si>
  <si>
    <t>FAP42400185</t>
  </si>
  <si>
    <t>Privátna dátová sieť-RU Košice</t>
  </si>
  <si>
    <t>152/2023</t>
  </si>
  <si>
    <t>FAP42400189</t>
  </si>
  <si>
    <t>Privátna dátová sieť</t>
  </si>
  <si>
    <t>FAP42400190</t>
  </si>
  <si>
    <t>Privátna dátová sieť -RU Prešov</t>
  </si>
  <si>
    <t>FAP42400191</t>
  </si>
  <si>
    <t>Privátna hlasová sieť-RU Prešov</t>
  </si>
  <si>
    <t>FAP42400192</t>
  </si>
  <si>
    <t>Privátna dátová sieť-RU Žilina</t>
  </si>
  <si>
    <t>FAP42400193</t>
  </si>
  <si>
    <t>Privátna hlasová sieť-RU Žilina</t>
  </si>
  <si>
    <t>FAP42400194</t>
  </si>
  <si>
    <t>Privátna dátová sieť-RU Trnava</t>
  </si>
  <si>
    <t>FAP42400195</t>
  </si>
  <si>
    <t>Privátna hlasová sieť-RU Trnava</t>
  </si>
  <si>
    <t>FAP42400196</t>
  </si>
  <si>
    <t>Privátna dátova sieť-RU Trenčín</t>
  </si>
  <si>
    <t>FAP42400197</t>
  </si>
  <si>
    <t>Privátna hlasová sieť-RU Trenčín</t>
  </si>
  <si>
    <t>FAP42400198</t>
  </si>
  <si>
    <t>Privátna dátová sieť -RU Nitra</t>
  </si>
  <si>
    <t>FAP42400199</t>
  </si>
  <si>
    <t>Privátna hlasová sieť- RU Nitra</t>
  </si>
  <si>
    <t>FAP42400200</t>
  </si>
  <si>
    <t>Privátna hlasová sieť-RU BB</t>
  </si>
  <si>
    <t>FAP42400201</t>
  </si>
  <si>
    <t>Privátna dátová sieť-RU BB</t>
  </si>
  <si>
    <t>216/2023</t>
  </si>
  <si>
    <t>FAP42400202</t>
  </si>
  <si>
    <t>Privátna hlasová sieť -RU Košice</t>
  </si>
  <si>
    <t>FAP42400205</t>
  </si>
  <si>
    <t>Paušálny poplatok za pripojenia 3/2024</t>
  </si>
  <si>
    <t>FAP42400206</t>
  </si>
  <si>
    <t>Paušálny poplatok (telefóny) 3/2024</t>
  </si>
  <si>
    <t>FAP42400211</t>
  </si>
  <si>
    <t>PLUSIM spol. s r.o.</t>
  </si>
  <si>
    <t>Kopčianska 92, 852 03 Bratislava</t>
  </si>
  <si>
    <t>Komplexné sťahovacie služby</t>
  </si>
  <si>
    <t>FAP42400217</t>
  </si>
  <si>
    <t>IKEA Bratislava, s.r.o.</t>
  </si>
  <si>
    <t>Ivanská cesta 18, 821 04 Bratislava</t>
  </si>
  <si>
    <t>Kuchynské vybavenie</t>
  </si>
  <si>
    <t>FAP42400218</t>
  </si>
  <si>
    <t>FAP42400219</t>
  </si>
  <si>
    <t>FAP42400220</t>
  </si>
  <si>
    <t>FAP42400221</t>
  </si>
  <si>
    <t>FAP42400222</t>
  </si>
  <si>
    <t>FAP42400223</t>
  </si>
  <si>
    <t>FAP42400224</t>
  </si>
  <si>
    <t>FAP42400227</t>
  </si>
  <si>
    <t>Spotreba elektrickej energie 3/2024</t>
  </si>
  <si>
    <t>FAP42400238</t>
  </si>
  <si>
    <t>Nájomné kancelárie 15.3.-31.3.2024, nájomné technológie</t>
  </si>
  <si>
    <t>FAP42400239</t>
  </si>
  <si>
    <t>Spoločné prevádzkové náklady 15.3.-31.3.2024</t>
  </si>
  <si>
    <t>FAP42400241</t>
  </si>
  <si>
    <t>Nájomné parking 15.-31.3.2024</t>
  </si>
  <si>
    <t>FAP42400243</t>
  </si>
  <si>
    <t>Poplatok za dátové prostredie 4-6/24, poplatok za využívanie aplikácií Vema Cloud Els 4-6/224</t>
  </si>
  <si>
    <t>FAP42400245</t>
  </si>
  <si>
    <t>ARVAL SLOVAKIA, s.r.o.</t>
  </si>
  <si>
    <t>Krátkodobý prenájom vozidiel 8 ks</t>
  </si>
  <si>
    <t>049_2024</t>
  </si>
  <si>
    <t>FAP42400246</t>
  </si>
  <si>
    <t>Asociace pro urbanismus a územní plánování ČR, z.s.</t>
  </si>
  <si>
    <t>Thákurova 7, 160 00 Praha 6</t>
  </si>
  <si>
    <t>Školenie "Prostorová regulace v území", 25.-26.4.2024</t>
  </si>
  <si>
    <t>8850 CZK</t>
  </si>
  <si>
    <t>FAP42400247</t>
  </si>
  <si>
    <t>Odborný seminár z 24.4.2024 - Konanie o priestupkoch v praxi verejnej správy</t>
  </si>
  <si>
    <t>FAP42400248</t>
  </si>
  <si>
    <t>Preškolenie zamestnancia - aktualizácia programu VEMA.</t>
  </si>
  <si>
    <t>FAP42400249</t>
  </si>
  <si>
    <t>FAP42400250</t>
  </si>
  <si>
    <t>Prenájom nábytku</t>
  </si>
  <si>
    <t>FAP42400251</t>
  </si>
  <si>
    <t>FAP42400252</t>
  </si>
  <si>
    <t>FAP42400253</t>
  </si>
  <si>
    <t>FAP42400254</t>
  </si>
  <si>
    <t>FAP42400255</t>
  </si>
  <si>
    <t>IT  Learning Slovakia,s.r.o.</t>
  </si>
  <si>
    <t>Kominárska 2, 4, 831 04 Bratislava</t>
  </si>
  <si>
    <t>Školenie:Microsoft Power BI I. - Bojňanská</t>
  </si>
  <si>
    <t>FAP42400256</t>
  </si>
  <si>
    <t>GOPAS SR, a.s.</t>
  </si>
  <si>
    <t>Dr.Vl. Clementisa 10, 821 02 Bratislava</t>
  </si>
  <si>
    <t>Online kurz:Microsoft Power Point 2 osoby</t>
  </si>
  <si>
    <t>FAP42400257</t>
  </si>
  <si>
    <t>Nájomné za kanc., ostatné, zdieľané priest.,parkov.mies. 6/2024</t>
  </si>
  <si>
    <t>208_2024</t>
  </si>
  <si>
    <t>FAP42400258</t>
  </si>
  <si>
    <t>Náklady na energie a služby 6/2024</t>
  </si>
  <si>
    <t>FAP42400259</t>
  </si>
  <si>
    <t>Petit Press, a.s. divízia Bratislava</t>
  </si>
  <si>
    <t>Lazaretská 12,811 01 Bratislava</t>
  </si>
  <si>
    <t>Ročné predplatné SME.sk-Prémium 10x</t>
  </si>
  <si>
    <t>FAP42400260</t>
  </si>
  <si>
    <t>Odborný seminár "Zákon č.10/1996 Z.z. o kontrole v štátnej správe, 2.5.2024</t>
  </si>
  <si>
    <t>FAP42400261</t>
  </si>
  <si>
    <t>Prenájom kávovarov 4/2024</t>
  </si>
  <si>
    <t>FAP42400262</t>
  </si>
  <si>
    <t>Nákup kávy  4/2024</t>
  </si>
  <si>
    <t>FAP42400263</t>
  </si>
  <si>
    <t>Upratovacie práce 4/2024</t>
  </si>
  <si>
    <t>FAP42400264</t>
  </si>
  <si>
    <t>Nájomné za kanc.,skladové,parkov.mies. 6/2024</t>
  </si>
  <si>
    <t>FAP42400265</t>
  </si>
  <si>
    <t>Poplatok za správu budovy 6/2024</t>
  </si>
  <si>
    <t>FAP42400266</t>
  </si>
  <si>
    <t>Zálohová platba na náklady za en. 6/2024</t>
  </si>
  <si>
    <t>FAP42400267</t>
  </si>
  <si>
    <t>Právne služby 4/2024</t>
  </si>
  <si>
    <t>FAP42400268</t>
  </si>
  <si>
    <t>Dolná 6A, 97401 Banská Bystrica</t>
  </si>
  <si>
    <t>Nájomné kancelárie 6/2024, nájomné technológie</t>
  </si>
  <si>
    <t>FAP42400269</t>
  </si>
  <si>
    <t>Nájomné parking 06/2024</t>
  </si>
  <si>
    <t>FAP42400270</t>
  </si>
  <si>
    <t>Spoločné prevádzkové nákl. 5/2024</t>
  </si>
  <si>
    <t>FAP42400271</t>
  </si>
  <si>
    <t>Nájomné kancelárie 5/2024, nájomné technológie</t>
  </si>
  <si>
    <t>FAP42400272</t>
  </si>
  <si>
    <t>Spoločné prevádzkové nákl. 6/2024</t>
  </si>
  <si>
    <t>FAP42400273</t>
  </si>
  <si>
    <t>Nájomné parking 05/2024</t>
  </si>
  <si>
    <t>FAP42400274</t>
  </si>
  <si>
    <t>FAP42400275</t>
  </si>
  <si>
    <t>FAP42400276</t>
  </si>
  <si>
    <t>FAP42400277</t>
  </si>
  <si>
    <t>Paušálne služby 3/2024</t>
  </si>
  <si>
    <t>FAP42400278</t>
  </si>
  <si>
    <t>PhDr.Spišáková Majster Papier</t>
  </si>
  <si>
    <t>FAP42400279</t>
  </si>
  <si>
    <t>Monitoring médií za 4/2024</t>
  </si>
  <si>
    <t>FAP42400280</t>
  </si>
  <si>
    <t>Monet+ProlD+Q Client (13 ks)</t>
  </si>
  <si>
    <t>138/2024</t>
  </si>
  <si>
    <t>FAP42400281</t>
  </si>
  <si>
    <t>Online kurz:Microsoft Exel pre projekt.manažérov</t>
  </si>
  <si>
    <t>FAP42400282</t>
  </si>
  <si>
    <t>SIMLOOP s.r.o.</t>
  </si>
  <si>
    <t>Pod Vtáčnikom 13965/26, 83101 Bratislava</t>
  </si>
  <si>
    <t>Finálna verzia uskutočniteľnosti (protokol z 5.5.2024)</t>
  </si>
  <si>
    <t>224_2023</t>
  </si>
  <si>
    <t>FAP42400283</t>
  </si>
  <si>
    <t>Monet+ProlD+Q Client (1ks)</t>
  </si>
  <si>
    <t>FAP42400284</t>
  </si>
  <si>
    <t>Nuaktiv s.r.o.</t>
  </si>
  <si>
    <t>Žižkova 9, 81102 Bratislava</t>
  </si>
  <si>
    <t>Migrácia delimit. záznamov a spisov z MV</t>
  </si>
  <si>
    <t>FAP42400285</t>
  </si>
  <si>
    <t>Telefóny,internet za 4/2024</t>
  </si>
  <si>
    <t>FAP42400286</t>
  </si>
  <si>
    <t>E-kupóny 4/2024 460 ks</t>
  </si>
  <si>
    <t>FAP42400287</t>
  </si>
  <si>
    <t>Prenájom tlačiarní a tlačové služby za 4/2024</t>
  </si>
  <si>
    <t>FAP42400288</t>
  </si>
  <si>
    <t>Oboznamovanie ZC s BOZP a OP 4/2024</t>
  </si>
  <si>
    <t>FAP42400289</t>
  </si>
  <si>
    <t>Poštové služby za 4/2024</t>
  </si>
  <si>
    <t>FAP42400290</t>
  </si>
  <si>
    <t>Nájom priestorov za 6/2024</t>
  </si>
  <si>
    <t>FAP42400291</t>
  </si>
  <si>
    <t>Paušálny poplatok (telefóny) 4/2024</t>
  </si>
  <si>
    <t>FAP42400292</t>
  </si>
  <si>
    <t>Paušálny poplatok za pripojenie 4/2024</t>
  </si>
  <si>
    <t>FAP42400293</t>
  </si>
  <si>
    <t>FAP42400294</t>
  </si>
  <si>
    <t>Alza.sk</t>
  </si>
  <si>
    <t>Sliačska 1/D, 831 02 bratislava</t>
  </si>
  <si>
    <t>IT príslušenstvo (mikrofón,redukcia,mixážny pult)</t>
  </si>
  <si>
    <t>FAP42400295</t>
  </si>
  <si>
    <t>D.Trust Certifikačná Autorita</t>
  </si>
  <si>
    <t>ZEP komplet,čipová karta,certifikát</t>
  </si>
  <si>
    <t>FAP42400296</t>
  </si>
  <si>
    <t xml:space="preserve">Kancelárske potreby </t>
  </si>
  <si>
    <t>FAP42400297</t>
  </si>
  <si>
    <t>FAP42400298</t>
  </si>
  <si>
    <t>FAP42400299</t>
  </si>
  <si>
    <t>FAP42400300</t>
  </si>
  <si>
    <t>FAP42400301</t>
  </si>
  <si>
    <t>FAP42400302</t>
  </si>
  <si>
    <t>FAP42400303</t>
  </si>
  <si>
    <t>Pracovný stôl pre 2 prac. miesta</t>
  </si>
  <si>
    <t>FAP42400304</t>
  </si>
  <si>
    <t>Poštové služby  RU Nitra</t>
  </si>
  <si>
    <t>FAP42400305</t>
  </si>
  <si>
    <t>Poštové služby  RU Trenčín</t>
  </si>
  <si>
    <t>FAP42400306</t>
  </si>
  <si>
    <t>Poštové služby  RU Prešov</t>
  </si>
  <si>
    <t>FAP42400307</t>
  </si>
  <si>
    <t>Poštové služby  RU Žilina</t>
  </si>
  <si>
    <t>FAP42400308</t>
  </si>
  <si>
    <t>Poštové služby  RU KE</t>
  </si>
  <si>
    <t>FAP42400309</t>
  </si>
  <si>
    <t>Poštové služby  RU BB</t>
  </si>
  <si>
    <t>FAP42400310</t>
  </si>
  <si>
    <t>Monet+ProlD+Q Client (7ks)</t>
  </si>
  <si>
    <t>FAP42400311</t>
  </si>
  <si>
    <t>Online školenie 15.5.2024_opatrenia proti mobbingu</t>
  </si>
  <si>
    <t>FAP42400312</t>
  </si>
  <si>
    <t>Lazaretská 12, 81108 Bratislava</t>
  </si>
  <si>
    <t>Školenie: Komunikátori budúcnosti 3 osoby</t>
  </si>
  <si>
    <t>FAP42400313</t>
  </si>
  <si>
    <t>Websupport s.r.o.</t>
  </si>
  <si>
    <t>Karadžičova 12, 82108 Bratislava</t>
  </si>
  <si>
    <t>Vytvorenie  web domény myurbium(.com, .cz, .eu, .sk), urbium (.eu, .sk)</t>
  </si>
  <si>
    <t>FAP42400314</t>
  </si>
  <si>
    <t>FAP42400316</t>
  </si>
  <si>
    <t>142024, 402024, 752024, 202024, 1372024</t>
  </si>
  <si>
    <t>FAP42400317</t>
  </si>
  <si>
    <t>Spotreba energie, el., vodné-stočné 4/2024</t>
  </si>
  <si>
    <t>FAP42400318</t>
  </si>
  <si>
    <t>Spotreba el.energie (apríl 2024)</t>
  </si>
  <si>
    <t>077/2024</t>
  </si>
  <si>
    <t>FAP42400319</t>
  </si>
  <si>
    <t>Nájomné - inform. tabuľa  (máj 2024)</t>
  </si>
  <si>
    <t>FAP42400320</t>
  </si>
  <si>
    <t>Nájomné - inform. tabuľa  (17.-30.4.2024 )</t>
  </si>
  <si>
    <t>FAP42400321</t>
  </si>
  <si>
    <t>Nájomné - inform. tabuľa  (jún 2024)</t>
  </si>
  <si>
    <t>FAP42400322</t>
  </si>
  <si>
    <t>Nájomné - inform. tabuľa  (1.-16. apríl 2024)</t>
  </si>
  <si>
    <t>FAP42400323</t>
  </si>
  <si>
    <t>Privátna dátová sieť 4/2024</t>
  </si>
  <si>
    <t>FAP42400324</t>
  </si>
  <si>
    <t>FAP42400326</t>
  </si>
  <si>
    <t>FAP42400328</t>
  </si>
  <si>
    <t>FAP42400330</t>
  </si>
  <si>
    <t>FAP42400332</t>
  </si>
  <si>
    <t>FAP42400334</t>
  </si>
  <si>
    <t>FAP42400336</t>
  </si>
  <si>
    <t>FAP42400344</t>
  </si>
  <si>
    <t>Nájom nebytových preistorov 6/24 -Trnava</t>
  </si>
  <si>
    <t>Z202215642_Z,Dodatok č.1</t>
  </si>
  <si>
    <t>FAP42400158</t>
  </si>
  <si>
    <t>Monitoring médií za 2/2024</t>
  </si>
  <si>
    <t>Spoločné prevádzkové náklady 4/2024</t>
  </si>
  <si>
    <t>Nájomné za kancelárie a parkovacie miesta 6/2024</t>
  </si>
  <si>
    <t>Elektrická energia, plyn, voda a služby 6/2024</t>
  </si>
  <si>
    <t>FAP42400315</t>
  </si>
  <si>
    <t>A.R.S., s.r.o.</t>
  </si>
  <si>
    <t>Medený Hámor 4, 974 01 Banská Bystrica</t>
  </si>
  <si>
    <t>Servis vozidla, uskladnenie pneumatík BT181GA</t>
  </si>
  <si>
    <t>219_2023</t>
  </si>
  <si>
    <t>FAP42400325</t>
  </si>
  <si>
    <t>FAP42400327</t>
  </si>
  <si>
    <t>FAP42400329</t>
  </si>
  <si>
    <t>FAP42400331</t>
  </si>
  <si>
    <t>Privátna dátova sieť-RU BB</t>
  </si>
  <si>
    <t>FAP42400333</t>
  </si>
  <si>
    <t>FAP42400335</t>
  </si>
  <si>
    <t>FAP42400337</t>
  </si>
  <si>
    <t>FAP42400338</t>
  </si>
  <si>
    <t>Servis vozidla, uskladnenie pneumatík AA 134EM</t>
  </si>
  <si>
    <t>FAP42400339</t>
  </si>
  <si>
    <t>Servis vozidla, uskladnenie pneumatíkAA337EX</t>
  </si>
  <si>
    <t>219_2024</t>
  </si>
  <si>
    <t>FAP42400340</t>
  </si>
  <si>
    <t>FAP42400341</t>
  </si>
  <si>
    <t>Servis vozidla, uskladnenie pneumatíkAA290DU</t>
  </si>
  <si>
    <t>FAP42400342</t>
  </si>
  <si>
    <t>Servis vozidla, uskladnenie pneumatíkAA782EG</t>
  </si>
  <si>
    <t>FAP42400343</t>
  </si>
  <si>
    <t>Servis vozidla, uskladnenie pneumatík AA604 ED</t>
  </si>
  <si>
    <t>FAP42400345</t>
  </si>
  <si>
    <t>Miromax, s.r.o.</t>
  </si>
  <si>
    <t>Zvolenská cesta 133/A, 974 05 Brat</t>
  </si>
  <si>
    <t>Oboznámenie zamestnancov s BOZP - 4/2024</t>
  </si>
  <si>
    <t>Z_20241581_Z</t>
  </si>
  <si>
    <t>FAP42400346</t>
  </si>
  <si>
    <t>Spotreba energie 4/2024 - RÚ BB</t>
  </si>
  <si>
    <t>FAP42400347</t>
  </si>
  <si>
    <t>Privátna hlasová sieť-2/2024</t>
  </si>
  <si>
    <t>FAP42400348</t>
  </si>
  <si>
    <t>Kuchynské vybavenie_APTITLIG</t>
  </si>
  <si>
    <t>FAP42400349</t>
  </si>
  <si>
    <t>FAP42400350</t>
  </si>
  <si>
    <t>FAP42400351</t>
  </si>
  <si>
    <t>FAP42400352</t>
  </si>
  <si>
    <t>FAP42400353</t>
  </si>
  <si>
    <t>FAP42400354</t>
  </si>
  <si>
    <t>Fantasy Factory</t>
  </si>
  <si>
    <t>Jamnického 1/C, 841 05 Bratislava</t>
  </si>
  <si>
    <t>Reklamné sublimačné šnúrky s vlastn. dizajnom</t>
  </si>
  <si>
    <t>FAP42400355</t>
  </si>
  <si>
    <t>Poštové služby  RU TT</t>
  </si>
  <si>
    <t>FAP42400356</t>
  </si>
  <si>
    <t>Group M, a.s.</t>
  </si>
  <si>
    <t>Harmincova 2/B</t>
  </si>
  <si>
    <t xml:space="preserve"> Dopl.spoluúčasti na základe dofakt.poistného plnenia - BT594IL</t>
  </si>
  <si>
    <t>FAP42400357</t>
  </si>
  <si>
    <t xml:space="preserve">Príslušenstvo pre mikrofóny RODE </t>
  </si>
  <si>
    <t>FAP42400358</t>
  </si>
  <si>
    <t>Paušál ochrana majetku za obdobie 7.5.-30.6.2024</t>
  </si>
  <si>
    <t>015/2024</t>
  </si>
  <si>
    <t>FAP42400359</t>
  </si>
  <si>
    <t>Damian Jasna Hotel Resort &amp; Residences s.r.o.</t>
  </si>
  <si>
    <t>Pribinova 25, 81109 Bratislava</t>
  </si>
  <si>
    <t>Ubyt. a stravovanie :Bilancujeme a plánujeme 30.-31.5.24</t>
  </si>
  <si>
    <t>FAP42400360</t>
  </si>
  <si>
    <t>FAP42400361</t>
  </si>
  <si>
    <t>FAP42400362</t>
  </si>
  <si>
    <t>FAP42400363</t>
  </si>
  <si>
    <t>FAP42400364</t>
  </si>
  <si>
    <t>FAP42400365</t>
  </si>
  <si>
    <t xml:space="preserve"> Pribinova 40, 821 09 Bratislava</t>
  </si>
  <si>
    <t>Tokeny</t>
  </si>
  <si>
    <t>FAP42400366</t>
  </si>
  <si>
    <t>Tayllorcox</t>
  </si>
  <si>
    <t>Zelinárska 6, 821 08  Bratislava - mestská časť Ružinov</t>
  </si>
  <si>
    <t>Školenie ITIL 4 Foundation v termíne 27.-29.5.2024</t>
  </si>
  <si>
    <t>FAP42400367</t>
  </si>
  <si>
    <t xml:space="preserve"> Brezová 65, 01008 Žilina - Rosinky</t>
  </si>
  <si>
    <t>Pečiatky</t>
  </si>
  <si>
    <t>FAP42400368</t>
  </si>
  <si>
    <t>Nájomné za kanc., skl. priestory, parkov. miesta za 7/24</t>
  </si>
  <si>
    <t>FAP42400369</t>
  </si>
  <si>
    <t xml:space="preserve">Zál. platba za náklady na energie 7/24 </t>
  </si>
  <si>
    <t>FAP42400370</t>
  </si>
  <si>
    <t>Poplatok za správu budova 07/2024</t>
  </si>
  <si>
    <t>FAP42400371</t>
  </si>
  <si>
    <t>Vyúčtovanie spotreby el. energie 4/2024 RÚ KE</t>
  </si>
  <si>
    <t>213_2024</t>
  </si>
  <si>
    <t>FAP42400372</t>
  </si>
  <si>
    <t>FAP42400373</t>
  </si>
  <si>
    <t>FAP42400374</t>
  </si>
  <si>
    <t>FAP42400375</t>
  </si>
  <si>
    <t>Nájomné za kancelárie a parkovacie miesta 7/2024</t>
  </si>
  <si>
    <t>FAP42400376</t>
  </si>
  <si>
    <t>Elektrická energia, plyn, voda a služby 7/2024</t>
  </si>
  <si>
    <t>FAP42400377</t>
  </si>
  <si>
    <t>Plussim</t>
  </si>
  <si>
    <t>Kopčianska 92, 852 03 Braislava</t>
  </si>
  <si>
    <t>Komplexné sťahovacie služby -  RÚ Nitra</t>
  </si>
  <si>
    <t>FAP42400378</t>
  </si>
  <si>
    <t>Turan Group</t>
  </si>
  <si>
    <t>Upratovacie práce 5/2024</t>
  </si>
  <si>
    <t>FAP42400379</t>
  </si>
  <si>
    <t>Servis vozidla, uskladnenie pneumatík AA184BT</t>
  </si>
  <si>
    <t>FAP42400380</t>
  </si>
  <si>
    <t>Náklady za energie a sl. za 6/2024 (opakované plnenie)</t>
  </si>
  <si>
    <t>FAP42400381</t>
  </si>
  <si>
    <t>Nájom priestorov za 7/2024</t>
  </si>
  <si>
    <t>FAP42400382</t>
  </si>
  <si>
    <t>Náklady za energie a sl. za 7/2024 (opakované plnenie)</t>
  </si>
  <si>
    <t>FAP42400383</t>
  </si>
  <si>
    <t>Nájomné - informačná tabuľa 7/2024</t>
  </si>
  <si>
    <t>FAP42400384</t>
  </si>
  <si>
    <t>SUN BUS</t>
  </si>
  <si>
    <t>Palackého 88/8, 911 01 Trenčín</t>
  </si>
  <si>
    <t>Autobusová doprava na Bilancujeme a plánujeme</t>
  </si>
  <si>
    <t>FAP42400385</t>
  </si>
  <si>
    <t>Nájomné kancelárie 7/2024, nájomné technológie</t>
  </si>
  <si>
    <t>FAP42400386</t>
  </si>
  <si>
    <t>Nájomné parking 07/2024</t>
  </si>
  <si>
    <t>FAP42400387</t>
  </si>
  <si>
    <t>Spoločné prevádzkové náklady 7/2024</t>
  </si>
  <si>
    <t>FAP42400388</t>
  </si>
  <si>
    <t>Mýtne, PHM, umytie auta</t>
  </si>
  <si>
    <t>FAP42400389</t>
  </si>
  <si>
    <t>Nákup kávy  5/2024</t>
  </si>
  <si>
    <t>FAP42400390</t>
  </si>
  <si>
    <t>Prenájom kávovarov 5/2024</t>
  </si>
  <si>
    <t>FAP42400391</t>
  </si>
  <si>
    <t>Nájomné za kanc., ostatné, zdieľané priest.,parkov.mies. 7/2024</t>
  </si>
  <si>
    <t>FAP42400392</t>
  </si>
  <si>
    <t>Náklady na energie a služby 7/2024</t>
  </si>
  <si>
    <t>FAP42400393</t>
  </si>
  <si>
    <t>Školenie "Základy správy registratúry" 30.5.2024</t>
  </si>
  <si>
    <t>FAP42400394</t>
  </si>
  <si>
    <t>Právne služby 5/2024</t>
  </si>
  <si>
    <t>029/2022, Dodatok č. 1, č.2, obj.51/2024</t>
  </si>
  <si>
    <t>FAP42400395</t>
  </si>
  <si>
    <t>Monitoring médií za 5/2024</t>
  </si>
  <si>
    <t>FAP42400396</t>
  </si>
  <si>
    <t>Online školenie Kritické myslenie 5.6.2024</t>
  </si>
  <si>
    <t>FAP42400397</t>
  </si>
  <si>
    <t>Školenie Exel 21.5.2024</t>
  </si>
  <si>
    <t>FAP42400398</t>
  </si>
  <si>
    <t>Oboznamovanie ZC s BOZP a OP 5/2024</t>
  </si>
  <si>
    <t>FAP42400399</t>
  </si>
  <si>
    <t>Verejná správa Slovenskej rep. - ročný prístup</t>
  </si>
  <si>
    <t>FAP42400401</t>
  </si>
  <si>
    <t>OUR MEDIA</t>
  </si>
  <si>
    <t>Kalinčiakova 33, 831 04 Braislava</t>
  </si>
  <si>
    <t xml:space="preserve">Výroba a odvysielanie relácie </t>
  </si>
  <si>
    <t>FAP42400402</t>
  </si>
  <si>
    <t>C.EN.</t>
  </si>
  <si>
    <t>Vyhotovenie zvuk.-obraz. Záznamu</t>
  </si>
  <si>
    <t>FAP42400403</t>
  </si>
  <si>
    <t>EDUCO - CONSULT, s.r.o.</t>
  </si>
  <si>
    <t>Antona Bernoláka 51, 010 01 Žilina</t>
  </si>
  <si>
    <t>Webinár"Aktuálne zmeny-práv.normy v obl.správy dokum, úpravy reg.poriadkov a reg.plánov" 5.6.2024</t>
  </si>
  <si>
    <t>FAP42400404</t>
  </si>
  <si>
    <t>EDOS-SMART s.r.o.</t>
  </si>
  <si>
    <t>Školenie "Infozákon" 4.6.2024</t>
  </si>
  <si>
    <t>FAP42400405</t>
  </si>
  <si>
    <t>Maxnetwork</t>
  </si>
  <si>
    <t xml:space="preserve">Obstaranie zariadení, SLA, správa zar.  a aplikačné vybavenie </t>
  </si>
  <si>
    <t>FAP42400406</t>
  </si>
  <si>
    <t>Slovenský inštitút interných audítorov</t>
  </si>
  <si>
    <t>P.O.BOX 46, 820 15 Bratislava</t>
  </si>
  <si>
    <t>Konferencia: SKIIA 2024 dňa 6.6.2024</t>
  </si>
  <si>
    <t>FAP42400407</t>
  </si>
  <si>
    <t>E-kupóny 5/2024 390 ks</t>
  </si>
  <si>
    <t>FAP42400408</t>
  </si>
  <si>
    <t>Slovak Telekom</t>
  </si>
  <si>
    <t>Telefóny, internet za 5/2024</t>
  </si>
  <si>
    <t>FAP42400409</t>
  </si>
  <si>
    <t>Konzultácie k programu VEMA</t>
  </si>
  <si>
    <t>FAP42400410</t>
  </si>
  <si>
    <t>Paušálny poplatok (telefóny) 5/2024 - RU Košice</t>
  </si>
  <si>
    <t>FAP42400411</t>
  </si>
  <si>
    <t>Privátna dátová sieť 5/2024 - RÚ Žilina</t>
  </si>
  <si>
    <t>FAP42400412</t>
  </si>
  <si>
    <t>Privátna dátová sieť 5/2024 - RÚ Trnava</t>
  </si>
  <si>
    <t>FAP42400413</t>
  </si>
  <si>
    <t>Privátna dátová sieť 5/2024 - RÚ Nitra</t>
  </si>
  <si>
    <t>FAP42400414</t>
  </si>
  <si>
    <t>Privátna dátová sieť 5/2024 - RÚ BB</t>
  </si>
  <si>
    <t>FAP42400415</t>
  </si>
  <si>
    <t xml:space="preserve">Privátna dátová sieť 5/2024 </t>
  </si>
  <si>
    <t>FAP42400416</t>
  </si>
  <si>
    <t>Privátna dátová sieť 5/2024 - RÚ Trenčín</t>
  </si>
  <si>
    <t>FAP42400417</t>
  </si>
  <si>
    <t>Privátna dátová sieť 5/2024 - RÚ Prešov</t>
  </si>
  <si>
    <t>FAP42400418</t>
  </si>
  <si>
    <t>Privátna dátová sieť 5/2024 - serverovňa 2PP</t>
  </si>
  <si>
    <t>FAP42400419</t>
  </si>
  <si>
    <t>Privátna dátová sieť 5/2024 - RÚ Košice</t>
  </si>
  <si>
    <t>FAP42400420</t>
  </si>
  <si>
    <t>Privátna telef. sieť 5/2024 - ústredie</t>
  </si>
  <si>
    <t>FAP42400421</t>
  </si>
  <si>
    <t>Privátna telef. sieť 5/2024 - Trnava</t>
  </si>
  <si>
    <t>FAP42400422</t>
  </si>
  <si>
    <t>Privátna telef. sieť 5/2024 - Trenčín</t>
  </si>
  <si>
    <t>FAP42400423</t>
  </si>
  <si>
    <t>Privátna telef. sieť 5/2024 - Žilina</t>
  </si>
  <si>
    <t>FAP42400424</t>
  </si>
  <si>
    <t>Privátna telef. sieť 5/2024 - Nitra</t>
  </si>
  <si>
    <t>FAP42400425</t>
  </si>
  <si>
    <t>Privátna telef. sieť 5/2024 - Banská Bystrica</t>
  </si>
  <si>
    <t>FAP42400426</t>
  </si>
  <si>
    <t>Privátna telef. sieť 5/2024 - Prešov</t>
  </si>
  <si>
    <t>FAP42400427</t>
  </si>
  <si>
    <t>FAP42400428</t>
  </si>
  <si>
    <t>FAP42400429</t>
  </si>
  <si>
    <t>Poštové služby  ústredie</t>
  </si>
  <si>
    <t>FAP42400430</t>
  </si>
  <si>
    <t>FAP42400431</t>
  </si>
  <si>
    <t>Poštové služby  RU TN</t>
  </si>
  <si>
    <t>FAP42400432</t>
  </si>
  <si>
    <t>FAP42400433</t>
  </si>
  <si>
    <t>FAP42400434</t>
  </si>
  <si>
    <t>Lekárnička -4 ks ústredie, RÚ Nitra,BB,KE,Prešov</t>
  </si>
  <si>
    <t>FAP42400435</t>
  </si>
  <si>
    <t>PK Tech, spol. s r.o.</t>
  </si>
  <si>
    <t>Topoľová 11972/2A, 0806 Prešov - Nižná Šebastová</t>
  </si>
  <si>
    <t xml:space="preserve">Technická a emisná kontrola s osvedčením (AA800LR) </t>
  </si>
  <si>
    <t>FAP42400436</t>
  </si>
  <si>
    <t>Autoškola Jaroslav Prekop</t>
  </si>
  <si>
    <t>Trenčianska Turná 716,91321</t>
  </si>
  <si>
    <t>Tech.a emisná kontrola</t>
  </si>
  <si>
    <t>FAP42400437</t>
  </si>
  <si>
    <t>Oboznámenie zamestnancov s BOZP - 5/2024</t>
  </si>
  <si>
    <t>FAP42400438</t>
  </si>
  <si>
    <t>DOBROPIS Poštové služby  ústredie</t>
  </si>
  <si>
    <t>FAP42400439</t>
  </si>
  <si>
    <t>Spotreba el.energie (MáJ 2024)</t>
  </si>
  <si>
    <t>FAP42400440</t>
  </si>
  <si>
    <t>Spotreba energie, vodné, stočné (MáJ 2024)</t>
  </si>
  <si>
    <t>FAP42400441</t>
  </si>
  <si>
    <t>Zephiros,a.s.</t>
  </si>
  <si>
    <t>Komárňanská 1478/91, 821 09 Bratislava</t>
  </si>
  <si>
    <t>Vizitky</t>
  </si>
  <si>
    <t>FAP42400442</t>
  </si>
  <si>
    <t>Mesačný paušál 3/2024</t>
  </si>
  <si>
    <t>FAP42400443</t>
  </si>
  <si>
    <t>FAP42400444</t>
  </si>
  <si>
    <t>Re-konfigurácia tel.ústredne</t>
  </si>
  <si>
    <t>FAP42400445</t>
  </si>
  <si>
    <t>Implementácia a nastavenie hlas.databázy</t>
  </si>
  <si>
    <t>FAP42400446</t>
  </si>
  <si>
    <t>FAP42400447</t>
  </si>
  <si>
    <t>FAP42400448</t>
  </si>
  <si>
    <t>FAP42400449</t>
  </si>
  <si>
    <t>FAP42400450</t>
  </si>
  <si>
    <t>FAP42400451</t>
  </si>
  <si>
    <t>FAP42400452</t>
  </si>
  <si>
    <t>FAP42400453</t>
  </si>
  <si>
    <t>FAP42400454</t>
  </si>
  <si>
    <t>Preddavky na vlastné energie 7-8/24 -Žilina</t>
  </si>
  <si>
    <t>FAP42400455</t>
  </si>
  <si>
    <t>Nájom parkovacích miest 7-8/2024-Žilina</t>
  </si>
  <si>
    <t>FAP42400456</t>
  </si>
  <si>
    <t>Nájom nebytových priestorov 7-8/24 -Žilina</t>
  </si>
  <si>
    <t>FAP42400457</t>
  </si>
  <si>
    <t>Poštové služby 5/2024 RU Nitra</t>
  </si>
  <si>
    <t>FAP42400458</t>
  </si>
  <si>
    <t>Poštové služby 5/2024  RU Košice</t>
  </si>
  <si>
    <t>FAP42400459</t>
  </si>
  <si>
    <t>Poštové služby  5/2024 RU Prešov</t>
  </si>
  <si>
    <t>FAP42400463</t>
  </si>
  <si>
    <t>FAP42400464</t>
  </si>
  <si>
    <t>Školenie Manažérske vzdel. 17.6.2024</t>
  </si>
  <si>
    <t>FAP42400465</t>
  </si>
  <si>
    <t>FAP42400466</t>
  </si>
  <si>
    <t>FinStat,s.r.o.</t>
  </si>
  <si>
    <t>Finstat Premium na 12 mesiacov</t>
  </si>
  <si>
    <t>FAP42400467</t>
  </si>
  <si>
    <t>FAP42400468</t>
  </si>
  <si>
    <t>Školenie "Najčastejšie otázky k výkonu fin.kontroly" 14.6.2024</t>
  </si>
  <si>
    <t>FAP42400469</t>
  </si>
  <si>
    <t>POBEST, s.r.o.</t>
  </si>
  <si>
    <t>Zavarská čsta 10H/8032, 917 01 Trnava</t>
  </si>
  <si>
    <t>Výkon štvrťročných kontrol plynového SHZ</t>
  </si>
  <si>
    <t>FAP42400475</t>
  </si>
  <si>
    <t>Školenie "Náklady,výnosy,rezervy,OP</t>
  </si>
  <si>
    <t>FAP42400477</t>
  </si>
  <si>
    <t>Seminár"Zmeny v zákone o štát.službe"</t>
  </si>
  <si>
    <t>FAP42400479</t>
  </si>
  <si>
    <t>Tlačová agentúra Slovenskej republiky</t>
  </si>
  <si>
    <t>Dúbravská cesta 14, 841 04 Bratislava</t>
  </si>
  <si>
    <t>Portrét prezidenta SR v mesiaci jún 2024</t>
  </si>
  <si>
    <t>PZ 6625954725/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_-* #,##0.00\ _€_-;\-* #,##0.00\ _€_-;_-* &quot;-&quot;??\ _€_-;_-@_-"/>
  </numFmts>
  <fonts count="14" x14ac:knownFonts="1">
    <font>
      <sz val="11"/>
      <color theme="1"/>
      <name val="Calibri"/>
      <family val="2"/>
      <charset val="238"/>
      <scheme val="minor"/>
    </font>
    <font>
      <b/>
      <sz val="11"/>
      <color theme="0"/>
      <name val="Calibri"/>
      <family val="2"/>
    </font>
    <font>
      <sz val="11"/>
      <color theme="1"/>
      <name val="Calibri"/>
      <family val="2"/>
      <scheme val="minor"/>
    </font>
    <font>
      <sz val="11"/>
      <color rgb="FF000000"/>
      <name val="Calibri"/>
      <family val="2"/>
      <scheme val="minor"/>
    </font>
    <font>
      <sz val="11"/>
      <name val="Calibri"/>
      <family val="2"/>
      <scheme val="minor"/>
    </font>
    <font>
      <sz val="11"/>
      <name val="Calibri"/>
      <family val="2"/>
      <charset val="238"/>
    </font>
    <font>
      <sz val="11"/>
      <color rgb="FF000000"/>
      <name val="Calibri"/>
      <family val="2"/>
      <charset val="238"/>
    </font>
    <font>
      <sz val="10"/>
      <color rgb="FF000000"/>
      <name val="Calibri"/>
      <family val="2"/>
    </font>
    <font>
      <sz val="11"/>
      <color theme="1"/>
      <name val="Calibri"/>
      <family val="2"/>
    </font>
    <font>
      <sz val="11"/>
      <color rgb="FF000000"/>
      <name val="Calibri"/>
      <family val="2"/>
    </font>
    <font>
      <sz val="10"/>
      <color rgb="FF000000"/>
      <name val="Calibri"/>
      <family val="2"/>
      <charset val="238"/>
    </font>
    <font>
      <sz val="11"/>
      <name val="Calibri"/>
      <family val="2"/>
      <charset val="238"/>
      <scheme val="minor"/>
    </font>
    <font>
      <sz val="10"/>
      <name val="Calibri"/>
      <family val="2"/>
      <charset val="238"/>
    </font>
    <font>
      <sz val="10"/>
      <color theme="1"/>
      <name val="Calibri"/>
      <family val="2"/>
      <charset val="23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1E4E9D"/>
        <bgColor indexed="64"/>
      </patternFill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1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/>
    </xf>
    <xf numFmtId="4" fontId="1" fillId="2" borderId="1" xfId="0" applyNumberFormat="1" applyFont="1" applyFill="1" applyBorder="1" applyAlignment="1">
      <alignment horizontal="center" vertical="center" wrapText="1"/>
    </xf>
    <xf numFmtId="49" fontId="1" fillId="2" borderId="1" xfId="0" applyNumberFormat="1" applyFont="1" applyFill="1" applyBorder="1" applyAlignment="1">
      <alignment horizontal="right" vertical="center"/>
    </xf>
    <xf numFmtId="0" fontId="2" fillId="0" borderId="1" xfId="0" applyFont="1" applyBorder="1"/>
    <xf numFmtId="14" fontId="2" fillId="0" borderId="1" xfId="0" applyNumberFormat="1" applyFont="1" applyBorder="1"/>
    <xf numFmtId="0" fontId="3" fillId="0" borderId="1" xfId="0" applyFont="1" applyBorder="1" applyAlignment="1">
      <alignment wrapText="1"/>
    </xf>
    <xf numFmtId="0" fontId="3" fillId="0" borderId="1" xfId="0" applyFont="1" applyBorder="1"/>
    <xf numFmtId="0" fontId="0" fillId="0" borderId="0" xfId="0" applyFill="1"/>
    <xf numFmtId="4" fontId="0" fillId="0" borderId="0" xfId="0" applyNumberFormat="1"/>
    <xf numFmtId="0" fontId="0" fillId="0" borderId="1" xfId="0" applyBorder="1"/>
    <xf numFmtId="0" fontId="0" fillId="0" borderId="3" xfId="0" applyBorder="1"/>
    <xf numFmtId="0" fontId="0" fillId="0" borderId="1" xfId="0" applyBorder="1" applyAlignment="1">
      <alignment horizontal="left"/>
    </xf>
    <xf numFmtId="0" fontId="0" fillId="0" borderId="3" xfId="0" applyBorder="1" applyAlignment="1">
      <alignment horizontal="left"/>
    </xf>
    <xf numFmtId="0" fontId="6" fillId="0" borderId="1" xfId="0" applyFont="1" applyBorder="1" applyAlignment="1">
      <alignment horizontal="left" wrapText="1"/>
    </xf>
    <xf numFmtId="0" fontId="0" fillId="3" borderId="1" xfId="0" applyFill="1" applyBorder="1"/>
    <xf numFmtId="0" fontId="0" fillId="3" borderId="1" xfId="0" applyFill="1" applyBorder="1" applyAlignment="1">
      <alignment horizontal="left"/>
    </xf>
    <xf numFmtId="0" fontId="0" fillId="0" borderId="1" xfId="0" applyBorder="1" applyAlignment="1">
      <alignment horizontal="center"/>
    </xf>
    <xf numFmtId="0" fontId="5" fillId="0" borderId="1" xfId="0" applyFont="1" applyBorder="1"/>
    <xf numFmtId="14" fontId="6" fillId="0" borderId="1" xfId="0" applyNumberFormat="1" applyFont="1" applyBorder="1" applyAlignment="1">
      <alignment horizontal="right"/>
    </xf>
    <xf numFmtId="0" fontId="6" fillId="0" borderId="1" xfId="0" applyFont="1" applyBorder="1" applyAlignment="1">
      <alignment horizontal="left"/>
    </xf>
    <xf numFmtId="0" fontId="6" fillId="0" borderId="1" xfId="0" applyFont="1" applyBorder="1" applyAlignment="1">
      <alignment horizontal="center"/>
    </xf>
    <xf numFmtId="14" fontId="0" fillId="3" borderId="1" xfId="0" applyNumberFormat="1" applyFill="1" applyBorder="1" applyAlignment="1">
      <alignment horizontal="right"/>
    </xf>
    <xf numFmtId="0" fontId="0" fillId="3" borderId="1" xfId="0" applyFill="1" applyBorder="1" applyAlignment="1">
      <alignment horizontal="center"/>
    </xf>
    <xf numFmtId="0" fontId="0" fillId="3" borderId="1" xfId="0" applyFill="1" applyBorder="1" applyAlignment="1">
      <alignment horizontal="left" wrapText="1"/>
    </xf>
    <xf numFmtId="0" fontId="5" fillId="3" borderId="1" xfId="0" applyFont="1" applyFill="1" applyBorder="1"/>
    <xf numFmtId="14" fontId="6" fillId="3" borderId="1" xfId="0" applyNumberFormat="1" applyFont="1" applyFill="1" applyBorder="1" applyAlignment="1">
      <alignment horizontal="right"/>
    </xf>
    <xf numFmtId="0" fontId="6" fillId="3" borderId="1" xfId="0" applyFont="1" applyFill="1" applyBorder="1" applyAlignment="1">
      <alignment horizontal="left"/>
    </xf>
    <xf numFmtId="0" fontId="6" fillId="3" borderId="1" xfId="0" applyFont="1" applyFill="1" applyBorder="1" applyAlignment="1">
      <alignment horizontal="center"/>
    </xf>
    <xf numFmtId="0" fontId="6" fillId="3" borderId="1" xfId="0" applyFont="1" applyFill="1" applyBorder="1" applyAlignment="1">
      <alignment horizontal="left" wrapText="1"/>
    </xf>
    <xf numFmtId="0" fontId="7" fillId="3" borderId="1" xfId="0" applyFont="1" applyFill="1" applyBorder="1" applyAlignment="1">
      <alignment horizontal="left" wrapText="1"/>
    </xf>
    <xf numFmtId="0" fontId="7" fillId="3" borderId="1" xfId="0" applyFont="1" applyFill="1" applyBorder="1" applyAlignment="1">
      <alignment horizontal="center"/>
    </xf>
    <xf numFmtId="0" fontId="2" fillId="3" borderId="1" xfId="0" applyFont="1" applyFill="1" applyBorder="1"/>
    <xf numFmtId="14" fontId="8" fillId="3" borderId="1" xfId="0" applyNumberFormat="1" applyFont="1" applyFill="1" applyBorder="1" applyAlignment="1">
      <alignment horizontal="right"/>
    </xf>
    <xf numFmtId="0" fontId="8" fillId="3" borderId="1" xfId="0" applyFont="1" applyFill="1" applyBorder="1" applyAlignment="1">
      <alignment horizontal="left"/>
    </xf>
    <xf numFmtId="0" fontId="8" fillId="3" borderId="1" xfId="0" applyFont="1" applyFill="1" applyBorder="1" applyAlignment="1">
      <alignment horizontal="center"/>
    </xf>
    <xf numFmtId="0" fontId="8" fillId="3" borderId="1" xfId="0" applyFont="1" applyFill="1" applyBorder="1" applyAlignment="1">
      <alignment horizontal="left" wrapText="1"/>
    </xf>
    <xf numFmtId="49" fontId="8" fillId="3" borderId="1" xfId="0" applyNumberFormat="1" applyFont="1" applyFill="1" applyBorder="1" applyAlignment="1">
      <alignment horizontal="left" wrapText="1"/>
    </xf>
    <xf numFmtId="49" fontId="8" fillId="3" borderId="1" xfId="0" applyNumberFormat="1" applyFont="1" applyFill="1" applyBorder="1" applyAlignment="1">
      <alignment horizontal="left"/>
    </xf>
    <xf numFmtId="14" fontId="2" fillId="0" borderId="1" xfId="0" applyNumberFormat="1" applyFont="1" applyBorder="1" applyAlignment="1">
      <alignment horizontal="right"/>
    </xf>
    <xf numFmtId="0" fontId="8" fillId="0" borderId="1" xfId="0" applyFont="1" applyBorder="1" applyAlignment="1">
      <alignment horizontal="left"/>
    </xf>
    <xf numFmtId="0" fontId="9" fillId="0" borderId="1" xfId="0" applyFont="1" applyBorder="1" applyAlignment="1">
      <alignment horizontal="left" wrapText="1"/>
    </xf>
    <xf numFmtId="0" fontId="9" fillId="0" borderId="1" xfId="0" applyFont="1" applyBorder="1" applyAlignment="1">
      <alignment horizontal="center"/>
    </xf>
    <xf numFmtId="0" fontId="2" fillId="0" borderId="1" xfId="0" applyFont="1" applyBorder="1" applyAlignment="1">
      <alignment horizontal="left"/>
    </xf>
    <xf numFmtId="14" fontId="2" fillId="3" borderId="1" xfId="0" applyNumberFormat="1" applyFont="1" applyFill="1" applyBorder="1" applyAlignment="1">
      <alignment horizontal="right"/>
    </xf>
    <xf numFmtId="0" fontId="9" fillId="3" borderId="1" xfId="0" applyFont="1" applyFill="1" applyBorder="1" applyAlignment="1">
      <alignment horizontal="left" wrapText="1"/>
    </xf>
    <xf numFmtId="0" fontId="8" fillId="3" borderId="1" xfId="0" applyFont="1" applyFill="1" applyBorder="1"/>
    <xf numFmtId="14" fontId="0" fillId="0" borderId="1" xfId="0" applyNumberFormat="1" applyBorder="1" applyAlignment="1">
      <alignment horizontal="right"/>
    </xf>
    <xf numFmtId="0" fontId="0" fillId="0" borderId="1" xfId="0" applyBorder="1" applyAlignment="1">
      <alignment horizontal="left" wrapText="1"/>
    </xf>
    <xf numFmtId="0" fontId="0" fillId="3" borderId="3" xfId="0" applyFill="1" applyBorder="1"/>
    <xf numFmtId="14" fontId="0" fillId="3" borderId="3" xfId="0" applyNumberFormat="1" applyFill="1" applyBorder="1" applyAlignment="1">
      <alignment horizontal="right"/>
    </xf>
    <xf numFmtId="0" fontId="0" fillId="3" borderId="3" xfId="0" applyFill="1" applyBorder="1" applyAlignment="1">
      <alignment horizontal="left"/>
    </xf>
    <xf numFmtId="0" fontId="0" fillId="3" borderId="3" xfId="0" applyFill="1" applyBorder="1" applyAlignment="1">
      <alignment horizontal="center"/>
    </xf>
    <xf numFmtId="0" fontId="0" fillId="3" borderId="3" xfId="0" applyFill="1" applyBorder="1" applyAlignment="1">
      <alignment horizontal="left" wrapText="1"/>
    </xf>
    <xf numFmtId="0" fontId="0" fillId="3" borderId="5" xfId="0" applyFill="1" applyBorder="1"/>
    <xf numFmtId="14" fontId="0" fillId="3" borderId="5" xfId="0" applyNumberFormat="1" applyFill="1" applyBorder="1" applyAlignment="1">
      <alignment horizontal="right"/>
    </xf>
    <xf numFmtId="0" fontId="0" fillId="3" borderId="5" xfId="0" applyFill="1" applyBorder="1" applyAlignment="1">
      <alignment horizontal="left"/>
    </xf>
    <xf numFmtId="0" fontId="0" fillId="3" borderId="5" xfId="0" applyFill="1" applyBorder="1" applyAlignment="1">
      <alignment horizontal="center"/>
    </xf>
    <xf numFmtId="0" fontId="0" fillId="3" borderId="5" xfId="0" applyFill="1" applyBorder="1" applyAlignment="1">
      <alignment horizontal="left" wrapText="1"/>
    </xf>
    <xf numFmtId="0" fontId="10" fillId="0" borderId="1" xfId="0" applyFont="1" applyBorder="1" applyAlignment="1">
      <alignment horizontal="left" wrapText="1"/>
    </xf>
    <xf numFmtId="14" fontId="0" fillId="0" borderId="3" xfId="0" applyNumberFormat="1" applyBorder="1" applyAlignment="1">
      <alignment horizontal="right"/>
    </xf>
    <xf numFmtId="0" fontId="0" fillId="0" borderId="3" xfId="0" applyBorder="1" applyAlignment="1">
      <alignment horizontal="center"/>
    </xf>
    <xf numFmtId="0" fontId="0" fillId="0" borderId="3" xfId="0" applyBorder="1" applyAlignment="1">
      <alignment horizontal="left" wrapText="1"/>
    </xf>
    <xf numFmtId="0" fontId="8" fillId="0" borderId="1" xfId="0" applyFont="1" applyBorder="1" applyAlignment="1">
      <alignment horizontal="left" wrapText="1"/>
    </xf>
    <xf numFmtId="0" fontId="7" fillId="0" borderId="1" xfId="0" applyFont="1" applyBorder="1" applyAlignment="1">
      <alignment horizontal="left" wrapText="1"/>
    </xf>
    <xf numFmtId="0" fontId="11" fillId="0" borderId="1" xfId="0" applyFont="1" applyBorder="1"/>
    <xf numFmtId="14" fontId="11" fillId="0" borderId="1" xfId="0" applyNumberFormat="1" applyFont="1" applyBorder="1" applyAlignment="1">
      <alignment horizontal="right"/>
    </xf>
    <xf numFmtId="0" fontId="11" fillId="0" borderId="1" xfId="0" applyFont="1" applyBorder="1" applyAlignment="1">
      <alignment horizontal="left"/>
    </xf>
    <xf numFmtId="0" fontId="11" fillId="0" borderId="1" xfId="0" applyFont="1" applyBorder="1" applyAlignment="1">
      <alignment horizontal="center"/>
    </xf>
    <xf numFmtId="0" fontId="11" fillId="0" borderId="1" xfId="0" applyFont="1" applyBorder="1" applyAlignment="1">
      <alignment horizontal="left" wrapText="1"/>
    </xf>
    <xf numFmtId="0" fontId="11" fillId="3" borderId="1" xfId="0" applyFont="1" applyFill="1" applyBorder="1"/>
    <xf numFmtId="14" fontId="11" fillId="3" borderId="1" xfId="0" applyNumberFormat="1" applyFont="1" applyFill="1" applyBorder="1" applyAlignment="1">
      <alignment horizontal="right"/>
    </xf>
    <xf numFmtId="0" fontId="11" fillId="3" borderId="1" xfId="0" applyFont="1" applyFill="1" applyBorder="1" applyAlignment="1">
      <alignment horizontal="left"/>
    </xf>
    <xf numFmtId="0" fontId="11" fillId="3" borderId="1" xfId="0" applyFont="1" applyFill="1" applyBorder="1" applyAlignment="1">
      <alignment horizontal="center"/>
    </xf>
    <xf numFmtId="0" fontId="11" fillId="3" borderId="1" xfId="0" applyFont="1" applyFill="1" applyBorder="1" applyAlignment="1">
      <alignment horizontal="left" wrapText="1"/>
    </xf>
    <xf numFmtId="0" fontId="4" fillId="3" borderId="1" xfId="0" applyFont="1" applyFill="1" applyBorder="1"/>
    <xf numFmtId="14" fontId="4" fillId="0" borderId="1" xfId="0" applyNumberFormat="1" applyFont="1" applyBorder="1" applyAlignment="1">
      <alignment horizontal="right"/>
    </xf>
    <xf numFmtId="0" fontId="4" fillId="0" borderId="1" xfId="0" applyFont="1" applyBorder="1" applyAlignment="1">
      <alignment horizontal="left"/>
    </xf>
    <xf numFmtId="0" fontId="4" fillId="0" borderId="1" xfId="0" applyFont="1" applyBorder="1" applyAlignment="1">
      <alignment horizontal="center"/>
    </xf>
    <xf numFmtId="0" fontId="4" fillId="0" borderId="1" xfId="0" applyFont="1" applyBorder="1" applyAlignment="1">
      <alignment horizontal="left" wrapText="1"/>
    </xf>
    <xf numFmtId="0" fontId="0" fillId="3" borderId="4" xfId="0" applyFill="1" applyBorder="1" applyAlignment="1">
      <alignment horizontal="left"/>
    </xf>
    <xf numFmtId="0" fontId="0" fillId="0" borderId="1" xfId="0" applyBorder="1" applyAlignment="1">
      <alignment horizontal="left" vertical="top" wrapText="1"/>
    </xf>
    <xf numFmtId="0" fontId="6" fillId="3" borderId="1" xfId="0" applyFont="1" applyFill="1" applyBorder="1" applyAlignment="1">
      <alignment horizontal="left" vertical="top" wrapText="1"/>
    </xf>
    <xf numFmtId="0" fontId="0" fillId="3" borderId="6" xfId="0" applyFill="1" applyBorder="1"/>
    <xf numFmtId="0" fontId="0" fillId="0" borderId="4" xfId="0" applyBorder="1" applyAlignment="1">
      <alignment horizontal="left"/>
    </xf>
    <xf numFmtId="0" fontId="0" fillId="0" borderId="6" xfId="0" applyBorder="1" applyAlignment="1">
      <alignment horizontal="left"/>
    </xf>
    <xf numFmtId="14" fontId="0" fillId="0" borderId="5" xfId="0" applyNumberFormat="1" applyBorder="1" applyAlignment="1">
      <alignment horizontal="right"/>
    </xf>
    <xf numFmtId="0" fontId="0" fillId="0" borderId="5" xfId="0" applyBorder="1" applyAlignment="1">
      <alignment horizontal="left"/>
    </xf>
    <xf numFmtId="0" fontId="0" fillId="0" borderId="5" xfId="0" applyBorder="1" applyAlignment="1">
      <alignment horizontal="left" wrapText="1"/>
    </xf>
    <xf numFmtId="0" fontId="12" fillId="0" borderId="1" xfId="0" applyFont="1" applyBorder="1" applyAlignment="1">
      <alignment horizontal="left" wrapText="1"/>
    </xf>
    <xf numFmtId="14" fontId="4" fillId="3" borderId="1" xfId="0" applyNumberFormat="1" applyFont="1" applyFill="1" applyBorder="1" applyAlignment="1">
      <alignment horizontal="right"/>
    </xf>
    <xf numFmtId="0" fontId="4" fillId="3" borderId="1" xfId="0" applyFont="1" applyFill="1" applyBorder="1" applyAlignment="1">
      <alignment horizontal="left"/>
    </xf>
    <xf numFmtId="0" fontId="4" fillId="3" borderId="1" xfId="0" applyFont="1" applyFill="1" applyBorder="1" applyAlignment="1">
      <alignment horizontal="left" wrapText="1"/>
    </xf>
    <xf numFmtId="0" fontId="13" fillId="3" borderId="1" xfId="0" applyFont="1" applyFill="1" applyBorder="1" applyAlignment="1">
      <alignment horizontal="left"/>
    </xf>
    <xf numFmtId="0" fontId="10" fillId="3" borderId="1" xfId="0" applyFont="1" applyFill="1" applyBorder="1" applyAlignment="1">
      <alignment horizontal="left" wrapText="1"/>
    </xf>
    <xf numFmtId="0" fontId="0" fillId="0" borderId="5" xfId="0" applyBorder="1" applyAlignment="1">
      <alignment horizontal="center"/>
    </xf>
    <xf numFmtId="0" fontId="11" fillId="3" borderId="3" xfId="0" applyFont="1" applyFill="1" applyBorder="1"/>
    <xf numFmtId="0" fontId="0" fillId="3" borderId="2" xfId="0" applyFill="1" applyBorder="1" applyAlignment="1">
      <alignment horizontal="center"/>
    </xf>
    <xf numFmtId="0" fontId="0" fillId="3" borderId="2" xfId="0" applyFill="1" applyBorder="1" applyAlignment="1">
      <alignment horizontal="left"/>
    </xf>
    <xf numFmtId="0" fontId="0" fillId="3" borderId="2" xfId="0" applyFill="1" applyBorder="1" applyAlignment="1">
      <alignment horizontal="left" wrapText="1"/>
    </xf>
    <xf numFmtId="0" fontId="13" fillId="3" borderId="2" xfId="0" applyFont="1" applyFill="1" applyBorder="1" applyAlignment="1">
      <alignment horizontal="left"/>
    </xf>
    <xf numFmtId="0" fontId="12" fillId="3" borderId="1" xfId="0" applyFont="1" applyFill="1" applyBorder="1" applyAlignment="1">
      <alignment horizontal="left" wrapText="1"/>
    </xf>
    <xf numFmtId="14" fontId="0" fillId="3" borderId="1" xfId="0" applyNumberFormat="1" applyFill="1" applyBorder="1" applyAlignment="1">
      <alignment horizontal="left"/>
    </xf>
    <xf numFmtId="14" fontId="0" fillId="0" borderId="1" xfId="0" applyNumberFormat="1" applyBorder="1" applyAlignment="1">
      <alignment horizontal="left"/>
    </xf>
    <xf numFmtId="49" fontId="1" fillId="2" borderId="1" xfId="0" applyNumberFormat="1" applyFont="1" applyFill="1" applyBorder="1" applyAlignment="1">
      <alignment horizontal="left" vertical="center" wrapText="1"/>
    </xf>
    <xf numFmtId="0" fontId="0" fillId="0" borderId="0" xfId="0" applyAlignment="1">
      <alignment horizontal="left"/>
    </xf>
    <xf numFmtId="164" fontId="2" fillId="0" borderId="1" xfId="0" applyNumberFormat="1" applyFont="1" applyBorder="1"/>
    <xf numFmtId="164" fontId="6" fillId="0" borderId="1" xfId="0" applyNumberFormat="1" applyFont="1" applyBorder="1"/>
    <xf numFmtId="164" fontId="6" fillId="0" borderId="1" xfId="0" applyNumberFormat="1" applyFont="1" applyBorder="1" applyAlignment="1">
      <alignment horizontal="right"/>
    </xf>
    <xf numFmtId="164" fontId="0" fillId="3" borderId="1" xfId="0" applyNumberFormat="1" applyFill="1" applyBorder="1"/>
    <xf numFmtId="164" fontId="0" fillId="3" borderId="1" xfId="0" applyNumberFormat="1" applyFill="1" applyBorder="1" applyAlignment="1">
      <alignment horizontal="right"/>
    </xf>
    <xf numFmtId="164" fontId="6" fillId="3" borderId="1" xfId="0" applyNumberFormat="1" applyFont="1" applyFill="1" applyBorder="1"/>
    <xf numFmtId="164" fontId="6" fillId="3" borderId="1" xfId="0" applyNumberFormat="1" applyFont="1" applyFill="1" applyBorder="1" applyAlignment="1">
      <alignment horizontal="right"/>
    </xf>
    <xf numFmtId="164" fontId="8" fillId="3" borderId="1" xfId="0" applyNumberFormat="1" applyFont="1" applyFill="1" applyBorder="1"/>
    <xf numFmtId="164" fontId="8" fillId="3" borderId="1" xfId="0" applyNumberFormat="1" applyFont="1" applyFill="1" applyBorder="1" applyAlignment="1">
      <alignment horizontal="right"/>
    </xf>
    <xf numFmtId="164" fontId="2" fillId="0" borderId="1" xfId="0" applyNumberFormat="1" applyFont="1" applyBorder="1" applyAlignment="1">
      <alignment horizontal="right"/>
    </xf>
    <xf numFmtId="164" fontId="2" fillId="3" borderId="1" xfId="0" applyNumberFormat="1" applyFont="1" applyFill="1" applyBorder="1"/>
    <xf numFmtId="164" fontId="2" fillId="3" borderId="1" xfId="0" applyNumberFormat="1" applyFont="1" applyFill="1" applyBorder="1" applyAlignment="1">
      <alignment horizontal="right"/>
    </xf>
    <xf numFmtId="164" fontId="0" fillId="0" borderId="1" xfId="0" applyNumberFormat="1" applyBorder="1"/>
    <xf numFmtId="164" fontId="0" fillId="0" borderId="1" xfId="0" applyNumberFormat="1" applyBorder="1" applyAlignment="1">
      <alignment horizontal="right"/>
    </xf>
    <xf numFmtId="164" fontId="0" fillId="3" borderId="3" xfId="0" applyNumberFormat="1" applyFill="1" applyBorder="1"/>
    <xf numFmtId="164" fontId="0" fillId="3" borderId="3" xfId="0" applyNumberFormat="1" applyFill="1" applyBorder="1" applyAlignment="1">
      <alignment horizontal="right"/>
    </xf>
    <xf numFmtId="164" fontId="0" fillId="3" borderId="5" xfId="0" applyNumberFormat="1" applyFill="1" applyBorder="1"/>
    <xf numFmtId="164" fontId="0" fillId="3" borderId="5" xfId="0" applyNumberFormat="1" applyFill="1" applyBorder="1" applyAlignment="1">
      <alignment horizontal="right"/>
    </xf>
    <xf numFmtId="164" fontId="0" fillId="0" borderId="3" xfId="0" applyNumberFormat="1" applyBorder="1"/>
    <xf numFmtId="164" fontId="0" fillId="0" borderId="3" xfId="0" applyNumberFormat="1" applyBorder="1" applyAlignment="1">
      <alignment horizontal="right"/>
    </xf>
    <xf numFmtId="164" fontId="11" fillId="0" borderId="1" xfId="0" applyNumberFormat="1" applyFont="1" applyBorder="1"/>
    <xf numFmtId="164" fontId="11" fillId="0" borderId="1" xfId="0" applyNumberFormat="1" applyFont="1" applyBorder="1" applyAlignment="1">
      <alignment horizontal="right"/>
    </xf>
    <xf numFmtId="164" fontId="11" fillId="3" borderId="1" xfId="0" applyNumberFormat="1" applyFont="1" applyFill="1" applyBorder="1"/>
    <xf numFmtId="164" fontId="11" fillId="3" borderId="1" xfId="0" applyNumberFormat="1" applyFont="1" applyFill="1" applyBorder="1" applyAlignment="1">
      <alignment horizontal="right"/>
    </xf>
    <xf numFmtId="164" fontId="4" fillId="0" borderId="1" xfId="0" applyNumberFormat="1" applyFont="1" applyBorder="1"/>
    <xf numFmtId="164" fontId="4" fillId="0" borderId="1" xfId="0" applyNumberFormat="1" applyFont="1" applyBorder="1" applyAlignment="1">
      <alignment horizontal="right"/>
    </xf>
    <xf numFmtId="164" fontId="0" fillId="0" borderId="5" xfId="0" applyNumberFormat="1" applyBorder="1"/>
    <xf numFmtId="164" fontId="0" fillId="0" borderId="5" xfId="0" applyNumberFormat="1" applyBorder="1" applyAlignment="1">
      <alignment horizontal="right"/>
    </xf>
    <xf numFmtId="164" fontId="4" fillId="3" borderId="1" xfId="0" applyNumberFormat="1" applyFont="1" applyFill="1" applyBorder="1"/>
    <xf numFmtId="164" fontId="4" fillId="3" borderId="1" xfId="0" applyNumberFormat="1" applyFont="1" applyFill="1" applyBorder="1" applyAlignment="1">
      <alignment horizontal="right"/>
    </xf>
    <xf numFmtId="164" fontId="0" fillId="3" borderId="2" xfId="0" applyNumberFormat="1" applyFill="1" applyBorder="1"/>
    <xf numFmtId="164" fontId="0" fillId="3" borderId="2" xfId="0" applyNumberFormat="1" applyFill="1" applyBorder="1" applyAlignment="1">
      <alignment horizontal="right"/>
    </xf>
    <xf numFmtId="0" fontId="3" fillId="0" borderId="1" xfId="0" applyFont="1" applyBorder="1" applyAlignment="1">
      <alignment horizontal="center"/>
    </xf>
    <xf numFmtId="0" fontId="2" fillId="0" borderId="1" xfId="0" applyFont="1" applyBorder="1" applyAlignment="1">
      <alignment horizontal="center"/>
    </xf>
  </cellXfs>
  <cellStyles count="1">
    <cellStyle name="Normálna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8E1194F-E23C-4611-BB7E-66DE65C938E4}">
  <dimension ref="A1:Y469"/>
  <sheetViews>
    <sheetView tabSelected="1" topLeftCell="A418" workbookViewId="0">
      <selection activeCell="E2" sqref="E2:E4"/>
    </sheetView>
  </sheetViews>
  <sheetFormatPr defaultColWidth="26.140625" defaultRowHeight="15" x14ac:dyDescent="0.25"/>
  <cols>
    <col min="1" max="1" width="20" customWidth="1"/>
    <col min="2" max="2" width="16.140625" customWidth="1"/>
    <col min="3" max="3" width="30" customWidth="1"/>
    <col min="4" max="4" width="34.5703125" customWidth="1"/>
    <col min="5" max="5" width="14.7109375" bestFit="1" customWidth="1"/>
    <col min="6" max="6" width="59" customWidth="1"/>
    <col min="7" max="7" width="25.140625" style="10" bestFit="1" customWidth="1"/>
    <col min="8" max="8" width="22.85546875" style="10" bestFit="1" customWidth="1"/>
    <col min="9" max="9" width="25" bestFit="1" customWidth="1"/>
    <col min="10" max="10" width="23.140625" style="106" bestFit="1" customWidth="1"/>
  </cols>
  <sheetData>
    <row r="1" spans="1:10" ht="45" x14ac:dyDescent="0.25">
      <c r="A1" s="1" t="s">
        <v>0</v>
      </c>
      <c r="B1" s="1" t="s">
        <v>1</v>
      </c>
      <c r="C1" s="2" t="s">
        <v>2</v>
      </c>
      <c r="D1" s="2" t="s">
        <v>3</v>
      </c>
      <c r="E1" s="1" t="s">
        <v>4</v>
      </c>
      <c r="F1" s="2" t="s">
        <v>5</v>
      </c>
      <c r="G1" s="3" t="s">
        <v>6</v>
      </c>
      <c r="H1" s="3" t="s">
        <v>7</v>
      </c>
      <c r="I1" s="4" t="s">
        <v>8</v>
      </c>
      <c r="J1" s="105" t="s">
        <v>9</v>
      </c>
    </row>
    <row r="2" spans="1:10" ht="15" customHeight="1" x14ac:dyDescent="0.25">
      <c r="A2" s="5" t="s">
        <v>10</v>
      </c>
      <c r="B2" s="6">
        <v>45299</v>
      </c>
      <c r="C2" s="7" t="s">
        <v>11</v>
      </c>
      <c r="D2" s="7" t="s">
        <v>12</v>
      </c>
      <c r="E2" s="139">
        <v>50013602</v>
      </c>
      <c r="F2" s="5" t="s">
        <v>13</v>
      </c>
      <c r="G2" s="107">
        <v>179.6</v>
      </c>
      <c r="H2" s="107">
        <v>179.6</v>
      </c>
      <c r="I2" s="5" t="s">
        <v>14</v>
      </c>
      <c r="J2" s="44"/>
    </row>
    <row r="3" spans="1:10" ht="15" customHeight="1" x14ac:dyDescent="0.25">
      <c r="A3" s="5" t="s">
        <v>15</v>
      </c>
      <c r="B3" s="6">
        <v>45306</v>
      </c>
      <c r="C3" s="5" t="s">
        <v>16</v>
      </c>
      <c r="D3" s="5" t="s">
        <v>17</v>
      </c>
      <c r="E3" s="140">
        <v>53528654</v>
      </c>
      <c r="F3" s="5" t="s">
        <v>18</v>
      </c>
      <c r="G3" s="107">
        <v>900.81</v>
      </c>
      <c r="H3" s="107">
        <v>900.81</v>
      </c>
      <c r="I3" s="8" t="s">
        <v>851</v>
      </c>
      <c r="J3" s="44">
        <v>82024</v>
      </c>
    </row>
    <row r="4" spans="1:10" ht="15" customHeight="1" x14ac:dyDescent="0.25">
      <c r="A4" s="5" t="s">
        <v>19</v>
      </c>
      <c r="B4" s="6">
        <v>45313</v>
      </c>
      <c r="C4" s="5" t="s">
        <v>20</v>
      </c>
      <c r="D4" s="5" t="s">
        <v>21</v>
      </c>
      <c r="E4" s="140">
        <v>35697270</v>
      </c>
      <c r="F4" s="5" t="s">
        <v>22</v>
      </c>
      <c r="G4" s="107">
        <v>-6780</v>
      </c>
      <c r="H4" s="107">
        <v>-8136</v>
      </c>
      <c r="I4" s="8" t="s">
        <v>23</v>
      </c>
      <c r="J4" s="44"/>
    </row>
    <row r="5" spans="1:10" ht="15" customHeight="1" x14ac:dyDescent="0.25">
      <c r="A5" s="19" t="s">
        <v>24</v>
      </c>
      <c r="B5" s="20">
        <v>44949</v>
      </c>
      <c r="C5" s="15" t="s">
        <v>25</v>
      </c>
      <c r="D5" s="21" t="s">
        <v>26</v>
      </c>
      <c r="E5" s="22">
        <v>31369308</v>
      </c>
      <c r="F5" s="15" t="s">
        <v>27</v>
      </c>
      <c r="G5" s="108">
        <v>250</v>
      </c>
      <c r="H5" s="109">
        <v>300</v>
      </c>
      <c r="I5" s="15"/>
      <c r="J5" s="21">
        <v>102024</v>
      </c>
    </row>
    <row r="6" spans="1:10" ht="15" customHeight="1" x14ac:dyDescent="0.25">
      <c r="A6" s="16" t="s">
        <v>28</v>
      </c>
      <c r="B6" s="23">
        <v>45313</v>
      </c>
      <c r="C6" s="17" t="s">
        <v>29</v>
      </c>
      <c r="D6" s="17" t="s">
        <v>30</v>
      </c>
      <c r="E6" s="24">
        <v>51436817</v>
      </c>
      <c r="F6" s="17" t="s">
        <v>31</v>
      </c>
      <c r="G6" s="110">
        <v>1575</v>
      </c>
      <c r="H6" s="111">
        <v>1890</v>
      </c>
      <c r="I6" s="25"/>
      <c r="J6" s="17">
        <v>22024</v>
      </c>
    </row>
    <row r="7" spans="1:10" ht="15" customHeight="1" x14ac:dyDescent="0.25">
      <c r="A7" s="26" t="s">
        <v>32</v>
      </c>
      <c r="B7" s="27">
        <v>45317</v>
      </c>
      <c r="C7" s="28" t="s">
        <v>33</v>
      </c>
      <c r="D7" s="28" t="s">
        <v>34</v>
      </c>
      <c r="E7" s="29">
        <v>51871998</v>
      </c>
      <c r="F7" s="28" t="s">
        <v>35</v>
      </c>
      <c r="G7" s="112">
        <v>120</v>
      </c>
      <c r="H7" s="113">
        <v>144</v>
      </c>
      <c r="I7" s="30"/>
      <c r="J7" s="28">
        <v>122024</v>
      </c>
    </row>
    <row r="8" spans="1:10" ht="15" customHeight="1" x14ac:dyDescent="0.25">
      <c r="A8" s="16" t="s">
        <v>36</v>
      </c>
      <c r="B8" s="23">
        <v>45317</v>
      </c>
      <c r="C8" s="17" t="s">
        <v>37</v>
      </c>
      <c r="D8" s="17" t="s">
        <v>38</v>
      </c>
      <c r="E8" s="24">
        <v>36287229</v>
      </c>
      <c r="F8" s="17" t="s">
        <v>39</v>
      </c>
      <c r="G8" s="110">
        <v>163.33000000000001</v>
      </c>
      <c r="H8" s="111">
        <v>196</v>
      </c>
      <c r="I8" s="25"/>
      <c r="J8" s="17">
        <v>132024</v>
      </c>
    </row>
    <row r="9" spans="1:10" ht="15" customHeight="1" x14ac:dyDescent="0.25">
      <c r="A9" s="16" t="s">
        <v>40</v>
      </c>
      <c r="B9" s="23">
        <v>45322</v>
      </c>
      <c r="C9" s="17" t="s">
        <v>41</v>
      </c>
      <c r="D9" s="31" t="s">
        <v>12</v>
      </c>
      <c r="E9" s="32">
        <v>50013602</v>
      </c>
      <c r="F9" s="17" t="s">
        <v>42</v>
      </c>
      <c r="G9" s="110">
        <v>468.49</v>
      </c>
      <c r="H9" s="111">
        <v>468.49</v>
      </c>
      <c r="I9" s="25" t="s">
        <v>43</v>
      </c>
      <c r="J9" s="17"/>
    </row>
    <row r="10" spans="1:10" ht="15" customHeight="1" x14ac:dyDescent="0.25">
      <c r="A10" s="16" t="s">
        <v>44</v>
      </c>
      <c r="B10" s="23">
        <v>45322</v>
      </c>
      <c r="C10" s="17" t="s">
        <v>45</v>
      </c>
      <c r="D10" s="17" t="s">
        <v>46</v>
      </c>
      <c r="E10" s="24">
        <v>52629520</v>
      </c>
      <c r="F10" s="17" t="s">
        <v>47</v>
      </c>
      <c r="G10" s="110">
        <v>214.17</v>
      </c>
      <c r="H10" s="111">
        <v>257</v>
      </c>
      <c r="I10" s="25"/>
      <c r="J10" s="17"/>
    </row>
    <row r="11" spans="1:10" ht="15.75" customHeight="1" x14ac:dyDescent="0.25">
      <c r="A11" s="33" t="s">
        <v>48</v>
      </c>
      <c r="B11" s="34">
        <v>45323</v>
      </c>
      <c r="C11" s="35" t="s">
        <v>49</v>
      </c>
      <c r="D11" s="35" t="s">
        <v>50</v>
      </c>
      <c r="E11" s="36">
        <v>3964</v>
      </c>
      <c r="F11" s="37" t="s">
        <v>51</v>
      </c>
      <c r="G11" s="114">
        <v>1303.33</v>
      </c>
      <c r="H11" s="115">
        <v>1564</v>
      </c>
      <c r="I11" s="38" t="s">
        <v>52</v>
      </c>
      <c r="J11" s="39"/>
    </row>
    <row r="12" spans="1:10" ht="15" customHeight="1" x14ac:dyDescent="0.25">
      <c r="A12" s="16" t="s">
        <v>53</v>
      </c>
      <c r="B12" s="23">
        <v>45323</v>
      </c>
      <c r="C12" s="17" t="s">
        <v>54</v>
      </c>
      <c r="D12" s="17" t="s">
        <v>55</v>
      </c>
      <c r="E12" s="24">
        <v>36769304</v>
      </c>
      <c r="F12" s="17" t="s">
        <v>56</v>
      </c>
      <c r="G12" s="110">
        <v>395</v>
      </c>
      <c r="H12" s="111">
        <v>474</v>
      </c>
      <c r="I12" s="25" t="s">
        <v>57</v>
      </c>
      <c r="J12" s="17"/>
    </row>
    <row r="13" spans="1:10" ht="15" customHeight="1" x14ac:dyDescent="0.25">
      <c r="A13" s="16" t="s">
        <v>58</v>
      </c>
      <c r="B13" s="23">
        <v>45323</v>
      </c>
      <c r="C13" s="17" t="s">
        <v>54</v>
      </c>
      <c r="D13" s="17" t="s">
        <v>55</v>
      </c>
      <c r="E13" s="24">
        <v>36769304</v>
      </c>
      <c r="F13" s="17" t="s">
        <v>59</v>
      </c>
      <c r="G13" s="110">
        <v>600</v>
      </c>
      <c r="H13" s="111">
        <v>720</v>
      </c>
      <c r="I13" s="25" t="s">
        <v>60</v>
      </c>
      <c r="J13" s="17"/>
    </row>
    <row r="14" spans="1:10" ht="15" customHeight="1" x14ac:dyDescent="0.25">
      <c r="A14" s="16" t="s">
        <v>61</v>
      </c>
      <c r="B14" s="23">
        <v>45323</v>
      </c>
      <c r="C14" s="17" t="s">
        <v>62</v>
      </c>
      <c r="D14" s="17" t="s">
        <v>63</v>
      </c>
      <c r="E14" s="24">
        <v>52929230</v>
      </c>
      <c r="F14" s="17" t="s">
        <v>64</v>
      </c>
      <c r="G14" s="110">
        <v>1700</v>
      </c>
      <c r="H14" s="111">
        <v>2040</v>
      </c>
      <c r="I14" s="25" t="s">
        <v>65</v>
      </c>
      <c r="J14" s="17"/>
    </row>
    <row r="15" spans="1:10" ht="15" customHeight="1" x14ac:dyDescent="0.25">
      <c r="A15" s="5" t="s">
        <v>170</v>
      </c>
      <c r="B15" s="40">
        <v>45324</v>
      </c>
      <c r="C15" s="41" t="s">
        <v>171</v>
      </c>
      <c r="D15" s="42" t="s">
        <v>172</v>
      </c>
      <c r="E15" s="43">
        <v>35872900</v>
      </c>
      <c r="F15" s="42" t="s">
        <v>173</v>
      </c>
      <c r="G15" s="107">
        <v>2800</v>
      </c>
      <c r="H15" s="116">
        <v>3360</v>
      </c>
      <c r="I15" s="42" t="s">
        <v>174</v>
      </c>
      <c r="J15" s="44"/>
    </row>
    <row r="16" spans="1:10" ht="15" customHeight="1" x14ac:dyDescent="0.25">
      <c r="A16" s="16" t="s">
        <v>66</v>
      </c>
      <c r="B16" s="23">
        <v>45327</v>
      </c>
      <c r="C16" s="17" t="s">
        <v>67</v>
      </c>
      <c r="D16" s="17" t="s">
        <v>68</v>
      </c>
      <c r="E16" s="24">
        <v>35745274</v>
      </c>
      <c r="F16" s="17" t="s">
        <v>69</v>
      </c>
      <c r="G16" s="110">
        <v>618</v>
      </c>
      <c r="H16" s="111">
        <v>741.6</v>
      </c>
      <c r="I16" s="25" t="s">
        <v>70</v>
      </c>
      <c r="J16" s="17"/>
    </row>
    <row r="17" spans="1:10" ht="15" customHeight="1" x14ac:dyDescent="0.25">
      <c r="A17" s="33" t="s">
        <v>71</v>
      </c>
      <c r="B17" s="45">
        <v>45327</v>
      </c>
      <c r="C17" s="35" t="s">
        <v>72</v>
      </c>
      <c r="D17" s="35" t="s">
        <v>17</v>
      </c>
      <c r="E17" s="36">
        <v>53528654</v>
      </c>
      <c r="F17" s="46" t="s">
        <v>73</v>
      </c>
      <c r="G17" s="117">
        <v>1516.36</v>
      </c>
      <c r="H17" s="118">
        <v>1815.02</v>
      </c>
      <c r="I17" s="38" t="s">
        <v>74</v>
      </c>
      <c r="J17" s="39"/>
    </row>
    <row r="18" spans="1:10" ht="15" customHeight="1" x14ac:dyDescent="0.25">
      <c r="A18" s="47" t="s">
        <v>75</v>
      </c>
      <c r="B18" s="34">
        <v>45327</v>
      </c>
      <c r="C18" s="35" t="s">
        <v>76</v>
      </c>
      <c r="D18" s="35" t="s">
        <v>77</v>
      </c>
      <c r="E18" s="36">
        <v>35763469</v>
      </c>
      <c r="F18" s="35" t="s">
        <v>78</v>
      </c>
      <c r="G18" s="114">
        <v>2876.41</v>
      </c>
      <c r="H18" s="115">
        <v>3451.69</v>
      </c>
      <c r="I18" s="37" t="s">
        <v>79</v>
      </c>
      <c r="J18" s="35"/>
    </row>
    <row r="19" spans="1:10" ht="15" customHeight="1" x14ac:dyDescent="0.25">
      <c r="A19" s="16" t="s">
        <v>80</v>
      </c>
      <c r="B19" s="23">
        <v>45327</v>
      </c>
      <c r="C19" s="35" t="s">
        <v>81</v>
      </c>
      <c r="D19" s="17" t="s">
        <v>82</v>
      </c>
      <c r="E19" s="24">
        <v>44413467</v>
      </c>
      <c r="F19" s="46" t="s">
        <v>83</v>
      </c>
      <c r="G19" s="110">
        <v>917</v>
      </c>
      <c r="H19" s="111">
        <v>1100.4000000000001</v>
      </c>
      <c r="I19" s="25"/>
      <c r="J19" s="17">
        <v>12024</v>
      </c>
    </row>
    <row r="20" spans="1:10" ht="15" customHeight="1" x14ac:dyDescent="0.25">
      <c r="A20" s="16" t="s">
        <v>84</v>
      </c>
      <c r="B20" s="23">
        <v>45327</v>
      </c>
      <c r="C20" s="17" t="s">
        <v>81</v>
      </c>
      <c r="D20" s="17" t="s">
        <v>82</v>
      </c>
      <c r="E20" s="24">
        <v>44413467</v>
      </c>
      <c r="F20" s="17" t="s">
        <v>85</v>
      </c>
      <c r="G20" s="110">
        <v>262</v>
      </c>
      <c r="H20" s="111">
        <v>314.39999999999998</v>
      </c>
      <c r="I20" s="25"/>
      <c r="J20" s="17">
        <v>12024</v>
      </c>
    </row>
    <row r="21" spans="1:10" ht="15" customHeight="1" x14ac:dyDescent="0.25">
      <c r="A21" s="16" t="s">
        <v>86</v>
      </c>
      <c r="B21" s="23">
        <v>45329</v>
      </c>
      <c r="C21" s="17" t="s">
        <v>87</v>
      </c>
      <c r="D21" s="17" t="s">
        <v>88</v>
      </c>
      <c r="E21" s="24">
        <v>44556039</v>
      </c>
      <c r="F21" s="46" t="s">
        <v>89</v>
      </c>
      <c r="G21" s="110">
        <v>196</v>
      </c>
      <c r="H21" s="111">
        <v>196</v>
      </c>
      <c r="I21" s="25" t="s">
        <v>90</v>
      </c>
      <c r="J21" s="17">
        <v>1922023</v>
      </c>
    </row>
    <row r="22" spans="1:10" ht="15" customHeight="1" x14ac:dyDescent="0.25">
      <c r="A22" s="16" t="s">
        <v>91</v>
      </c>
      <c r="B22" s="23">
        <v>45329</v>
      </c>
      <c r="C22" s="35" t="s">
        <v>72</v>
      </c>
      <c r="D22" s="17" t="s">
        <v>92</v>
      </c>
      <c r="E22" s="24">
        <v>53528654</v>
      </c>
      <c r="F22" s="17" t="s">
        <v>93</v>
      </c>
      <c r="G22" s="110">
        <v>397.76</v>
      </c>
      <c r="H22" s="111">
        <v>397.76</v>
      </c>
      <c r="I22" s="46" t="s">
        <v>94</v>
      </c>
      <c r="J22" s="17">
        <v>192024</v>
      </c>
    </row>
    <row r="23" spans="1:10" ht="15" customHeight="1" x14ac:dyDescent="0.25">
      <c r="A23" s="16" t="s">
        <v>95</v>
      </c>
      <c r="B23" s="23">
        <v>45329</v>
      </c>
      <c r="C23" s="17" t="s">
        <v>429</v>
      </c>
      <c r="D23" s="17" t="s">
        <v>430</v>
      </c>
      <c r="E23" s="24">
        <v>36795135</v>
      </c>
      <c r="F23" s="17" t="s">
        <v>96</v>
      </c>
      <c r="G23" s="110">
        <v>1038.0999999999999</v>
      </c>
      <c r="H23" s="111">
        <v>1042.8399999999999</v>
      </c>
      <c r="I23" s="25" t="s">
        <v>97</v>
      </c>
      <c r="J23" s="17"/>
    </row>
    <row r="24" spans="1:10" ht="15" customHeight="1" x14ac:dyDescent="0.25">
      <c r="A24" s="11" t="s">
        <v>175</v>
      </c>
      <c r="B24" s="48">
        <v>45329</v>
      </c>
      <c r="C24" s="13" t="s">
        <v>429</v>
      </c>
      <c r="D24" s="13" t="s">
        <v>430</v>
      </c>
      <c r="E24" s="18">
        <v>36795135</v>
      </c>
      <c r="F24" s="13" t="s">
        <v>177</v>
      </c>
      <c r="G24" s="119">
        <v>483.77</v>
      </c>
      <c r="H24" s="120">
        <v>580.52</v>
      </c>
      <c r="I24" s="49" t="s">
        <v>97</v>
      </c>
      <c r="J24" s="13"/>
    </row>
    <row r="25" spans="1:10" ht="15" customHeight="1" x14ac:dyDescent="0.25">
      <c r="A25" s="11" t="s">
        <v>176</v>
      </c>
      <c r="B25" s="48">
        <v>45329</v>
      </c>
      <c r="C25" s="13" t="s">
        <v>429</v>
      </c>
      <c r="D25" s="13" t="s">
        <v>430</v>
      </c>
      <c r="E25" s="18">
        <v>36795135</v>
      </c>
      <c r="F25" s="13" t="s">
        <v>178</v>
      </c>
      <c r="G25" s="119">
        <v>2142.4</v>
      </c>
      <c r="H25" s="120">
        <v>2570.88</v>
      </c>
      <c r="I25" s="49" t="s">
        <v>97</v>
      </c>
      <c r="J25" s="13"/>
    </row>
    <row r="26" spans="1:10" ht="15" customHeight="1" x14ac:dyDescent="0.25">
      <c r="A26" s="50" t="s">
        <v>98</v>
      </c>
      <c r="B26" s="51">
        <v>45329</v>
      </c>
      <c r="C26" s="52" t="s">
        <v>429</v>
      </c>
      <c r="D26" s="52" t="s">
        <v>430</v>
      </c>
      <c r="E26" s="53">
        <v>36795135</v>
      </c>
      <c r="F26" s="52" t="s">
        <v>99</v>
      </c>
      <c r="G26" s="121">
        <v>4597.32</v>
      </c>
      <c r="H26" s="122">
        <v>4618.32</v>
      </c>
      <c r="I26" s="54" t="s">
        <v>97</v>
      </c>
      <c r="J26" s="52"/>
    </row>
    <row r="27" spans="1:10" ht="15" customHeight="1" x14ac:dyDescent="0.25">
      <c r="A27" s="16" t="s">
        <v>100</v>
      </c>
      <c r="B27" s="23">
        <v>45329</v>
      </c>
      <c r="C27" s="17" t="s">
        <v>429</v>
      </c>
      <c r="D27" s="17" t="s">
        <v>430</v>
      </c>
      <c r="E27" s="24">
        <v>36795135</v>
      </c>
      <c r="F27" s="17" t="s">
        <v>101</v>
      </c>
      <c r="G27" s="110">
        <v>4597.32</v>
      </c>
      <c r="H27" s="111">
        <v>4618.32</v>
      </c>
      <c r="I27" s="25" t="s">
        <v>97</v>
      </c>
      <c r="J27" s="17"/>
    </row>
    <row r="28" spans="1:10" ht="15" customHeight="1" x14ac:dyDescent="0.25">
      <c r="A28" s="11" t="s">
        <v>179</v>
      </c>
      <c r="B28" s="48">
        <v>45329</v>
      </c>
      <c r="C28" s="13" t="s">
        <v>429</v>
      </c>
      <c r="D28" s="13" t="s">
        <v>430</v>
      </c>
      <c r="E28" s="18">
        <v>36791535</v>
      </c>
      <c r="F28" s="13" t="s">
        <v>180</v>
      </c>
      <c r="G28" s="119">
        <v>2142.4</v>
      </c>
      <c r="H28" s="120">
        <v>2570.88</v>
      </c>
      <c r="I28" s="49" t="s">
        <v>97</v>
      </c>
      <c r="J28" s="13"/>
    </row>
    <row r="29" spans="1:10" ht="15" customHeight="1" x14ac:dyDescent="0.25">
      <c r="A29" s="16" t="s">
        <v>102</v>
      </c>
      <c r="B29" s="23">
        <v>45330</v>
      </c>
      <c r="C29" s="17" t="s">
        <v>29</v>
      </c>
      <c r="D29" s="17" t="s">
        <v>30</v>
      </c>
      <c r="E29" s="24">
        <v>51436817</v>
      </c>
      <c r="F29" s="17" t="s">
        <v>103</v>
      </c>
      <c r="G29" s="110">
        <v>-1575</v>
      </c>
      <c r="H29" s="111">
        <v>-1890</v>
      </c>
      <c r="I29" s="25"/>
      <c r="J29" s="17">
        <v>22024</v>
      </c>
    </row>
    <row r="30" spans="1:10" ht="15" customHeight="1" x14ac:dyDescent="0.25">
      <c r="A30" s="16" t="s">
        <v>104</v>
      </c>
      <c r="B30" s="23">
        <v>45330</v>
      </c>
      <c r="C30" s="17" t="s">
        <v>105</v>
      </c>
      <c r="D30" s="17" t="s">
        <v>106</v>
      </c>
      <c r="E30" s="24">
        <v>48201529</v>
      </c>
      <c r="F30" s="17" t="s">
        <v>107</v>
      </c>
      <c r="G30" s="110">
        <v>207.5</v>
      </c>
      <c r="H30" s="111">
        <v>249</v>
      </c>
      <c r="I30" s="25"/>
      <c r="J30" s="17">
        <v>172024</v>
      </c>
    </row>
    <row r="31" spans="1:10" ht="15" customHeight="1" x14ac:dyDescent="0.25">
      <c r="A31" s="16" t="s">
        <v>108</v>
      </c>
      <c r="B31" s="23">
        <v>45330</v>
      </c>
      <c r="C31" s="17" t="s">
        <v>105</v>
      </c>
      <c r="D31" s="17" t="s">
        <v>106</v>
      </c>
      <c r="E31" s="24">
        <v>48201529</v>
      </c>
      <c r="F31" s="17" t="s">
        <v>109</v>
      </c>
      <c r="G31" s="110">
        <v>207.5</v>
      </c>
      <c r="H31" s="111">
        <v>249</v>
      </c>
      <c r="I31" s="25"/>
      <c r="J31" s="17">
        <v>172024</v>
      </c>
    </row>
    <row r="32" spans="1:10" ht="15" customHeight="1" x14ac:dyDescent="0.25">
      <c r="A32" s="16" t="s">
        <v>110</v>
      </c>
      <c r="B32" s="23">
        <v>45330</v>
      </c>
      <c r="C32" s="17" t="s">
        <v>37</v>
      </c>
      <c r="D32" s="17" t="s">
        <v>38</v>
      </c>
      <c r="E32" s="24">
        <v>36287229</v>
      </c>
      <c r="F32" s="17" t="s">
        <v>111</v>
      </c>
      <c r="G32" s="110">
        <v>81.67</v>
      </c>
      <c r="H32" s="111">
        <v>98</v>
      </c>
      <c r="I32" s="25"/>
      <c r="J32" s="17">
        <v>222024</v>
      </c>
    </row>
    <row r="33" spans="1:10" ht="15" customHeight="1" x14ac:dyDescent="0.25">
      <c r="A33" s="16" t="s">
        <v>112</v>
      </c>
      <c r="B33" s="23">
        <v>45331</v>
      </c>
      <c r="C33" s="17" t="s">
        <v>113</v>
      </c>
      <c r="D33" s="17" t="s">
        <v>114</v>
      </c>
      <c r="E33" s="24">
        <v>36250481</v>
      </c>
      <c r="F33" s="17" t="s">
        <v>115</v>
      </c>
      <c r="G33" s="110">
        <v>3579.43</v>
      </c>
      <c r="H33" s="111">
        <v>4295.32</v>
      </c>
      <c r="I33" s="25" t="s">
        <v>116</v>
      </c>
      <c r="J33" s="17">
        <v>142024</v>
      </c>
    </row>
    <row r="34" spans="1:10" ht="15" customHeight="1" x14ac:dyDescent="0.25">
      <c r="A34" s="16" t="s">
        <v>117</v>
      </c>
      <c r="B34" s="23">
        <v>45334</v>
      </c>
      <c r="C34" s="17" t="s">
        <v>337</v>
      </c>
      <c r="D34" s="17" t="s">
        <v>118</v>
      </c>
      <c r="E34" s="24">
        <v>36631124</v>
      </c>
      <c r="F34" s="17" t="s">
        <v>119</v>
      </c>
      <c r="G34" s="110">
        <v>7.52</v>
      </c>
      <c r="H34" s="111">
        <v>9.5</v>
      </c>
      <c r="I34" s="25" t="s">
        <v>120</v>
      </c>
      <c r="J34" s="17"/>
    </row>
    <row r="35" spans="1:10" ht="15" customHeight="1" x14ac:dyDescent="0.25">
      <c r="A35" s="16" t="s">
        <v>121</v>
      </c>
      <c r="B35" s="23">
        <v>45335</v>
      </c>
      <c r="C35" s="17" t="s">
        <v>122</v>
      </c>
      <c r="D35" s="17" t="s">
        <v>123</v>
      </c>
      <c r="E35" s="24">
        <v>36237337</v>
      </c>
      <c r="F35" s="17" t="s">
        <v>124</v>
      </c>
      <c r="G35" s="110">
        <v>45</v>
      </c>
      <c r="H35" s="111">
        <v>54</v>
      </c>
      <c r="I35" s="25" t="s">
        <v>125</v>
      </c>
      <c r="J35" s="17">
        <v>42024</v>
      </c>
    </row>
    <row r="36" spans="1:10" ht="15" customHeight="1" x14ac:dyDescent="0.25">
      <c r="A36" s="16" t="s">
        <v>126</v>
      </c>
      <c r="B36" s="23">
        <v>45335</v>
      </c>
      <c r="C36" s="17" t="s">
        <v>122</v>
      </c>
      <c r="D36" s="17" t="s">
        <v>123</v>
      </c>
      <c r="E36" s="24">
        <v>36237337</v>
      </c>
      <c r="F36" s="17" t="s">
        <v>127</v>
      </c>
      <c r="G36" s="110">
        <v>210</v>
      </c>
      <c r="H36" s="111">
        <v>252</v>
      </c>
      <c r="I36" s="25"/>
      <c r="J36" s="17">
        <v>242024</v>
      </c>
    </row>
    <row r="37" spans="1:10" ht="15" customHeight="1" x14ac:dyDescent="0.25">
      <c r="A37" s="11" t="s">
        <v>181</v>
      </c>
      <c r="B37" s="48">
        <v>45336</v>
      </c>
      <c r="C37" s="13" t="s">
        <v>128</v>
      </c>
      <c r="D37" s="13" t="s">
        <v>129</v>
      </c>
      <c r="E37" s="18">
        <v>35954612</v>
      </c>
      <c r="F37" s="13" t="s">
        <v>182</v>
      </c>
      <c r="G37" s="119">
        <v>7737.79</v>
      </c>
      <c r="H37" s="120">
        <v>9285.35</v>
      </c>
      <c r="I37" s="49" t="s">
        <v>183</v>
      </c>
      <c r="J37" s="13"/>
    </row>
    <row r="38" spans="1:10" ht="15" customHeight="1" x14ac:dyDescent="0.25">
      <c r="A38" s="16" t="s">
        <v>130</v>
      </c>
      <c r="B38" s="23">
        <v>45336</v>
      </c>
      <c r="C38" s="17" t="s">
        <v>128</v>
      </c>
      <c r="D38" s="17" t="s">
        <v>129</v>
      </c>
      <c r="E38" s="24">
        <v>35954612</v>
      </c>
      <c r="F38" s="37" t="s">
        <v>131</v>
      </c>
      <c r="G38" s="110">
        <v>30040</v>
      </c>
      <c r="H38" s="111">
        <v>36048</v>
      </c>
      <c r="I38" s="25" t="s">
        <v>132</v>
      </c>
      <c r="J38" s="17"/>
    </row>
    <row r="39" spans="1:10" ht="15" customHeight="1" x14ac:dyDescent="0.25">
      <c r="A39" s="16" t="s">
        <v>133</v>
      </c>
      <c r="B39" s="23">
        <v>45336</v>
      </c>
      <c r="C39" s="17" t="s">
        <v>134</v>
      </c>
      <c r="D39" s="17" t="s">
        <v>135</v>
      </c>
      <c r="E39" s="24">
        <v>36791598</v>
      </c>
      <c r="F39" s="17" t="s">
        <v>136</v>
      </c>
      <c r="G39" s="110">
        <v>240</v>
      </c>
      <c r="H39" s="111">
        <v>288</v>
      </c>
      <c r="I39" s="25"/>
      <c r="J39" s="17">
        <v>1492023</v>
      </c>
    </row>
    <row r="40" spans="1:10" ht="15" customHeight="1" x14ac:dyDescent="0.25">
      <c r="A40" s="16" t="s">
        <v>137</v>
      </c>
      <c r="B40" s="23">
        <v>45336</v>
      </c>
      <c r="C40" s="17" t="s">
        <v>134</v>
      </c>
      <c r="D40" s="17" t="s">
        <v>135</v>
      </c>
      <c r="E40" s="24">
        <v>36791598</v>
      </c>
      <c r="F40" s="17" t="s">
        <v>138</v>
      </c>
      <c r="G40" s="110">
        <v>278</v>
      </c>
      <c r="H40" s="111">
        <v>333.6</v>
      </c>
      <c r="I40" s="25"/>
      <c r="J40" s="17">
        <v>1532023</v>
      </c>
    </row>
    <row r="41" spans="1:10" ht="15" customHeight="1" x14ac:dyDescent="0.25">
      <c r="A41" s="50" t="s">
        <v>139</v>
      </c>
      <c r="B41" s="51">
        <v>45336</v>
      </c>
      <c r="C41" s="52" t="s">
        <v>134</v>
      </c>
      <c r="D41" s="52" t="s">
        <v>135</v>
      </c>
      <c r="E41" s="53">
        <v>36791598</v>
      </c>
      <c r="F41" s="52" t="s">
        <v>140</v>
      </c>
      <c r="G41" s="121">
        <v>1072.1600000000001</v>
      </c>
      <c r="H41" s="122">
        <v>1286.5899999999999</v>
      </c>
      <c r="I41" s="54"/>
      <c r="J41" s="52">
        <v>1502023</v>
      </c>
    </row>
    <row r="42" spans="1:10" ht="15" customHeight="1" x14ac:dyDescent="0.25">
      <c r="A42" s="11" t="s">
        <v>184</v>
      </c>
      <c r="B42" s="48">
        <v>45338</v>
      </c>
      <c r="C42" s="13" t="s">
        <v>128</v>
      </c>
      <c r="D42" s="13" t="s">
        <v>129</v>
      </c>
      <c r="E42" s="18">
        <v>35954612</v>
      </c>
      <c r="F42" s="13" t="s">
        <v>185</v>
      </c>
      <c r="G42" s="119">
        <v>13235.52</v>
      </c>
      <c r="H42" s="120">
        <v>15882.62</v>
      </c>
      <c r="I42" s="49" t="s">
        <v>183</v>
      </c>
      <c r="J42" s="13"/>
    </row>
    <row r="43" spans="1:10" ht="15" customHeight="1" x14ac:dyDescent="0.25">
      <c r="A43" s="55" t="s">
        <v>141</v>
      </c>
      <c r="B43" s="56">
        <v>45338</v>
      </c>
      <c r="C43" s="57" t="s">
        <v>128</v>
      </c>
      <c r="D43" s="57" t="s">
        <v>129</v>
      </c>
      <c r="E43" s="58">
        <v>35954612</v>
      </c>
      <c r="F43" s="57" t="s">
        <v>142</v>
      </c>
      <c r="G43" s="123">
        <v>30040</v>
      </c>
      <c r="H43" s="124">
        <v>36048</v>
      </c>
      <c r="I43" s="59" t="s">
        <v>132</v>
      </c>
      <c r="J43" s="57"/>
    </row>
    <row r="44" spans="1:10" ht="15" customHeight="1" x14ac:dyDescent="0.25">
      <c r="A44" s="16" t="s">
        <v>143</v>
      </c>
      <c r="B44" s="23">
        <v>45338</v>
      </c>
      <c r="C44" s="17" t="s">
        <v>144</v>
      </c>
      <c r="D44" s="17" t="s">
        <v>145</v>
      </c>
      <c r="E44" s="24">
        <v>52599515</v>
      </c>
      <c r="F44" s="17" t="s">
        <v>146</v>
      </c>
      <c r="G44" s="110">
        <v>4731.05</v>
      </c>
      <c r="H44" s="111">
        <v>5677.26</v>
      </c>
      <c r="I44" s="25" t="s">
        <v>147</v>
      </c>
      <c r="J44" s="17"/>
    </row>
    <row r="45" spans="1:10" ht="15" customHeight="1" x14ac:dyDescent="0.25">
      <c r="A45" s="16" t="s">
        <v>148</v>
      </c>
      <c r="B45" s="23">
        <v>45338</v>
      </c>
      <c r="C45" s="17" t="s">
        <v>149</v>
      </c>
      <c r="D45" s="17" t="s">
        <v>17</v>
      </c>
      <c r="E45" s="24">
        <v>35889063</v>
      </c>
      <c r="F45" s="17" t="s">
        <v>150</v>
      </c>
      <c r="G45" s="110">
        <v>286.99</v>
      </c>
      <c r="H45" s="111">
        <v>344.39</v>
      </c>
      <c r="I45" s="25" t="s">
        <v>151</v>
      </c>
      <c r="J45" s="17"/>
    </row>
    <row r="46" spans="1:10" ht="15" customHeight="1" x14ac:dyDescent="0.25">
      <c r="A46" s="16" t="s">
        <v>152</v>
      </c>
      <c r="B46" s="23">
        <v>45338</v>
      </c>
      <c r="C46" s="17" t="s">
        <v>87</v>
      </c>
      <c r="D46" s="17" t="s">
        <v>88</v>
      </c>
      <c r="E46" s="24">
        <v>44556039</v>
      </c>
      <c r="F46" s="17" t="s">
        <v>153</v>
      </c>
      <c r="G46" s="110">
        <v>1225</v>
      </c>
      <c r="H46" s="111">
        <v>1225</v>
      </c>
      <c r="I46" s="25" t="s">
        <v>90</v>
      </c>
      <c r="J46" s="17">
        <v>1302023</v>
      </c>
    </row>
    <row r="47" spans="1:10" ht="15" customHeight="1" x14ac:dyDescent="0.25">
      <c r="A47" s="11" t="s">
        <v>186</v>
      </c>
      <c r="B47" s="48">
        <v>45341</v>
      </c>
      <c r="C47" s="13" t="s">
        <v>188</v>
      </c>
      <c r="D47" s="13" t="s">
        <v>189</v>
      </c>
      <c r="E47" s="18">
        <v>42156424</v>
      </c>
      <c r="F47" s="13" t="s">
        <v>190</v>
      </c>
      <c r="G47" s="119">
        <v>14198.95</v>
      </c>
      <c r="H47" s="120">
        <v>17038.740000000002</v>
      </c>
      <c r="I47" s="49" t="s">
        <v>191</v>
      </c>
      <c r="J47" s="13"/>
    </row>
    <row r="48" spans="1:10" ht="15" customHeight="1" x14ac:dyDescent="0.25">
      <c r="A48" s="11" t="s">
        <v>187</v>
      </c>
      <c r="B48" s="48">
        <v>45341</v>
      </c>
      <c r="C48" s="13" t="s">
        <v>192</v>
      </c>
      <c r="D48" s="13" t="s">
        <v>193</v>
      </c>
      <c r="E48" s="18">
        <v>33768897</v>
      </c>
      <c r="F48" s="13" t="s">
        <v>194</v>
      </c>
      <c r="G48" s="119">
        <v>3669.65</v>
      </c>
      <c r="H48" s="120">
        <v>4403.58</v>
      </c>
      <c r="I48" s="49" t="s">
        <v>195</v>
      </c>
      <c r="J48" s="13">
        <v>272024</v>
      </c>
    </row>
    <row r="49" spans="1:25" ht="15" customHeight="1" x14ac:dyDescent="0.25">
      <c r="A49" s="16" t="s">
        <v>154</v>
      </c>
      <c r="B49" s="23">
        <v>45342</v>
      </c>
      <c r="C49" s="17" t="s">
        <v>122</v>
      </c>
      <c r="D49" s="17" t="s">
        <v>123</v>
      </c>
      <c r="E49" s="24">
        <v>36237337</v>
      </c>
      <c r="F49" s="17" t="s">
        <v>155</v>
      </c>
      <c r="G49" s="110">
        <v>190.58</v>
      </c>
      <c r="H49" s="111">
        <v>228.7</v>
      </c>
      <c r="I49" s="25"/>
      <c r="J49" s="17">
        <v>92024</v>
      </c>
    </row>
    <row r="50" spans="1:25" ht="15" customHeight="1" x14ac:dyDescent="0.25">
      <c r="A50" s="16" t="s">
        <v>156</v>
      </c>
      <c r="B50" s="23">
        <v>45342</v>
      </c>
      <c r="C50" s="17" t="s">
        <v>157</v>
      </c>
      <c r="D50" s="17" t="s">
        <v>158</v>
      </c>
      <c r="E50" s="24">
        <v>31592503</v>
      </c>
      <c r="F50" s="17" t="s">
        <v>159</v>
      </c>
      <c r="G50" s="110">
        <v>840</v>
      </c>
      <c r="H50" s="111">
        <v>840</v>
      </c>
      <c r="I50" s="25"/>
      <c r="J50" s="17">
        <v>1962023</v>
      </c>
    </row>
    <row r="51" spans="1:25" ht="15" customHeight="1" x14ac:dyDescent="0.25">
      <c r="A51" s="16" t="s">
        <v>160</v>
      </c>
      <c r="B51" s="23">
        <v>45341</v>
      </c>
      <c r="C51" s="17" t="s">
        <v>161</v>
      </c>
      <c r="D51" s="17" t="s">
        <v>162</v>
      </c>
      <c r="E51" s="24">
        <v>36863360</v>
      </c>
      <c r="F51" s="17" t="s">
        <v>163</v>
      </c>
      <c r="G51" s="110">
        <v>9405</v>
      </c>
      <c r="H51" s="111">
        <v>11286</v>
      </c>
      <c r="I51" s="25" t="s">
        <v>164</v>
      </c>
      <c r="J51" s="17"/>
    </row>
    <row r="52" spans="1:25" ht="15" customHeight="1" x14ac:dyDescent="0.25">
      <c r="A52" s="16" t="s">
        <v>165</v>
      </c>
      <c r="B52" s="23">
        <v>45343</v>
      </c>
      <c r="C52" s="17" t="s">
        <v>122</v>
      </c>
      <c r="D52" s="17" t="s">
        <v>123</v>
      </c>
      <c r="E52" s="24">
        <v>36237337</v>
      </c>
      <c r="F52" s="25" t="s">
        <v>166</v>
      </c>
      <c r="G52" s="110">
        <v>282</v>
      </c>
      <c r="H52" s="111">
        <v>338.4</v>
      </c>
      <c r="I52" s="25" t="s">
        <v>167</v>
      </c>
      <c r="J52" s="17"/>
    </row>
    <row r="53" spans="1:25" ht="15" customHeight="1" x14ac:dyDescent="0.25">
      <c r="A53" s="11" t="s">
        <v>196</v>
      </c>
      <c r="B53" s="48">
        <v>45343</v>
      </c>
      <c r="C53" s="17" t="s">
        <v>144</v>
      </c>
      <c r="D53" s="13" t="s">
        <v>197</v>
      </c>
      <c r="E53" s="18">
        <v>52599515</v>
      </c>
      <c r="F53" s="13" t="s">
        <v>198</v>
      </c>
      <c r="G53" s="119">
        <v>3049.26</v>
      </c>
      <c r="H53" s="120">
        <v>3659.11</v>
      </c>
      <c r="I53" s="60" t="s">
        <v>199</v>
      </c>
      <c r="J53" s="13"/>
    </row>
    <row r="54" spans="1:25" s="9" customFormat="1" ht="15" customHeight="1" x14ac:dyDescent="0.25">
      <c r="A54" s="16" t="s">
        <v>168</v>
      </c>
      <c r="B54" s="23">
        <v>45344</v>
      </c>
      <c r="C54" s="17" t="s">
        <v>37</v>
      </c>
      <c r="D54" s="17" t="s">
        <v>38</v>
      </c>
      <c r="E54" s="24">
        <v>36287229</v>
      </c>
      <c r="F54" s="17" t="s">
        <v>169</v>
      </c>
      <c r="G54" s="110">
        <v>81.67</v>
      </c>
      <c r="H54" s="111">
        <v>98</v>
      </c>
      <c r="I54" s="25"/>
      <c r="J54" s="17">
        <v>112024</v>
      </c>
      <c r="K54"/>
      <c r="L54"/>
      <c r="M54"/>
      <c r="N54"/>
      <c r="O54"/>
      <c r="P54"/>
      <c r="Q54"/>
      <c r="R54"/>
      <c r="S54"/>
      <c r="T54"/>
      <c r="U54"/>
      <c r="V54"/>
      <c r="W54"/>
      <c r="X54"/>
      <c r="Y54"/>
    </row>
    <row r="55" spans="1:25" ht="30" x14ac:dyDescent="0.25">
      <c r="A55" s="11" t="s">
        <v>200</v>
      </c>
      <c r="B55" s="48">
        <v>45345</v>
      </c>
      <c r="C55" s="13" t="s">
        <v>213</v>
      </c>
      <c r="D55" s="13" t="s">
        <v>214</v>
      </c>
      <c r="E55" s="18">
        <v>35800861</v>
      </c>
      <c r="F55" s="13" t="s">
        <v>215</v>
      </c>
      <c r="G55" s="119">
        <v>479</v>
      </c>
      <c r="H55" s="120">
        <v>574.79999999999995</v>
      </c>
      <c r="I55" s="49" t="s">
        <v>216</v>
      </c>
      <c r="J55" s="13">
        <v>342024</v>
      </c>
    </row>
    <row r="56" spans="1:25" x14ac:dyDescent="0.25">
      <c r="A56" s="11" t="s">
        <v>201</v>
      </c>
      <c r="B56" s="48">
        <v>45345</v>
      </c>
      <c r="C56" s="13" t="s">
        <v>217</v>
      </c>
      <c r="D56" s="13" t="s">
        <v>218</v>
      </c>
      <c r="E56" s="18">
        <v>36620009</v>
      </c>
      <c r="F56" s="13" t="s">
        <v>219</v>
      </c>
      <c r="G56" s="119">
        <v>248.17</v>
      </c>
      <c r="H56" s="120">
        <v>297.8</v>
      </c>
      <c r="I56" s="49" t="s">
        <v>220</v>
      </c>
      <c r="J56" s="13"/>
    </row>
    <row r="57" spans="1:25" x14ac:dyDescent="0.25">
      <c r="A57" s="12" t="s">
        <v>202</v>
      </c>
      <c r="B57" s="61">
        <v>45348</v>
      </c>
      <c r="C57" s="14" t="s">
        <v>221</v>
      </c>
      <c r="D57" s="14" t="s">
        <v>21</v>
      </c>
      <c r="E57" s="62">
        <v>35944889</v>
      </c>
      <c r="F57" s="14" t="s">
        <v>222</v>
      </c>
      <c r="G57" s="125">
        <v>229</v>
      </c>
      <c r="H57" s="126">
        <v>229</v>
      </c>
      <c r="I57" s="63"/>
      <c r="J57" s="14">
        <v>162024</v>
      </c>
    </row>
    <row r="58" spans="1:25" x14ac:dyDescent="0.25">
      <c r="A58" s="11" t="s">
        <v>203</v>
      </c>
      <c r="B58" s="48">
        <v>45348</v>
      </c>
      <c r="C58" s="13" t="s">
        <v>223</v>
      </c>
      <c r="D58" s="13" t="s">
        <v>224</v>
      </c>
      <c r="E58" s="18">
        <v>36547654</v>
      </c>
      <c r="F58" s="13" t="s">
        <v>225</v>
      </c>
      <c r="G58" s="119">
        <v>904</v>
      </c>
      <c r="H58" s="120">
        <v>1084.8</v>
      </c>
      <c r="I58" s="49" t="s">
        <v>226</v>
      </c>
      <c r="J58" s="13">
        <v>252024</v>
      </c>
    </row>
    <row r="59" spans="1:25" x14ac:dyDescent="0.25">
      <c r="A59" s="11" t="s">
        <v>204</v>
      </c>
      <c r="B59" s="48">
        <v>45348</v>
      </c>
      <c r="C59" s="13" t="s">
        <v>223</v>
      </c>
      <c r="D59" s="13" t="s">
        <v>224</v>
      </c>
      <c r="E59" s="18">
        <v>36547654</v>
      </c>
      <c r="F59" s="13" t="s">
        <v>227</v>
      </c>
      <c r="G59" s="119">
        <v>840</v>
      </c>
      <c r="H59" s="120">
        <v>1008</v>
      </c>
      <c r="I59" s="49" t="s">
        <v>228</v>
      </c>
      <c r="J59" s="13">
        <v>232024</v>
      </c>
    </row>
    <row r="60" spans="1:25" x14ac:dyDescent="0.25">
      <c r="A60" s="11" t="s">
        <v>205</v>
      </c>
      <c r="B60" s="48">
        <v>45349</v>
      </c>
      <c r="C60" s="13" t="s">
        <v>49</v>
      </c>
      <c r="D60" s="13" t="s">
        <v>50</v>
      </c>
      <c r="E60" s="18">
        <v>3964</v>
      </c>
      <c r="F60" s="13" t="s">
        <v>229</v>
      </c>
      <c r="G60" s="119">
        <v>1303.33</v>
      </c>
      <c r="H60" s="120">
        <v>1564</v>
      </c>
      <c r="I60" s="49" t="s">
        <v>230</v>
      </c>
      <c r="J60" s="13"/>
    </row>
    <row r="61" spans="1:25" x14ac:dyDescent="0.25">
      <c r="A61" s="11" t="s">
        <v>206</v>
      </c>
      <c r="B61" s="48">
        <v>45349</v>
      </c>
      <c r="C61" s="13" t="s">
        <v>149</v>
      </c>
      <c r="D61" s="13" t="s">
        <v>231</v>
      </c>
      <c r="E61" s="18">
        <v>35889063</v>
      </c>
      <c r="F61" s="13" t="s">
        <v>232</v>
      </c>
      <c r="G61" s="119">
        <v>14.93</v>
      </c>
      <c r="H61" s="120">
        <v>17.920000000000002</v>
      </c>
      <c r="I61" s="49" t="s">
        <v>151</v>
      </c>
      <c r="J61" s="13"/>
    </row>
    <row r="62" spans="1:25" x14ac:dyDescent="0.25">
      <c r="A62" s="11" t="s">
        <v>323</v>
      </c>
      <c r="B62" s="48">
        <v>45349</v>
      </c>
      <c r="C62" s="13" t="s">
        <v>324</v>
      </c>
      <c r="D62" s="13" t="s">
        <v>325</v>
      </c>
      <c r="E62" s="18">
        <v>35771917</v>
      </c>
      <c r="F62" s="13" t="s">
        <v>326</v>
      </c>
      <c r="G62" s="119">
        <v>751722</v>
      </c>
      <c r="H62" s="120">
        <v>902066.4</v>
      </c>
      <c r="I62" s="49" t="s">
        <v>327</v>
      </c>
      <c r="J62" s="13"/>
    </row>
    <row r="63" spans="1:25" x14ac:dyDescent="0.25">
      <c r="A63" s="11" t="s">
        <v>207</v>
      </c>
      <c r="B63" s="48">
        <v>45349</v>
      </c>
      <c r="C63" s="13" t="s">
        <v>161</v>
      </c>
      <c r="D63" s="13" t="s">
        <v>162</v>
      </c>
      <c r="E63" s="18">
        <v>36863360</v>
      </c>
      <c r="F63" s="13" t="s">
        <v>233</v>
      </c>
      <c r="G63" s="119">
        <v>-9405</v>
      </c>
      <c r="H63" s="120">
        <v>-11286</v>
      </c>
      <c r="I63" s="49" t="s">
        <v>164</v>
      </c>
      <c r="J63" s="13"/>
    </row>
    <row r="64" spans="1:25" x14ac:dyDescent="0.25">
      <c r="A64" s="11" t="s">
        <v>208</v>
      </c>
      <c r="B64" s="48">
        <v>45350</v>
      </c>
      <c r="C64" s="13" t="s">
        <v>234</v>
      </c>
      <c r="D64" s="13" t="s">
        <v>235</v>
      </c>
      <c r="E64" s="18">
        <v>52081061</v>
      </c>
      <c r="F64" s="13" t="s">
        <v>236</v>
      </c>
      <c r="G64" s="119">
        <v>5979.17</v>
      </c>
      <c r="H64" s="120">
        <v>7175</v>
      </c>
      <c r="I64" s="49" t="s">
        <v>237</v>
      </c>
      <c r="J64" s="13">
        <v>1682023</v>
      </c>
    </row>
    <row r="65" spans="1:10" x14ac:dyDescent="0.25">
      <c r="A65" s="11" t="s">
        <v>209</v>
      </c>
      <c r="B65" s="48">
        <v>45350</v>
      </c>
      <c r="C65" s="13" t="s">
        <v>217</v>
      </c>
      <c r="D65" s="13" t="s">
        <v>129</v>
      </c>
      <c r="E65" s="18">
        <v>36620009</v>
      </c>
      <c r="F65" s="13" t="s">
        <v>238</v>
      </c>
      <c r="G65" s="119">
        <v>-248.17</v>
      </c>
      <c r="H65" s="120">
        <v>-297.8</v>
      </c>
      <c r="I65" s="49" t="s">
        <v>220</v>
      </c>
      <c r="J65" s="13"/>
    </row>
    <row r="66" spans="1:10" x14ac:dyDescent="0.25">
      <c r="A66" s="11" t="s">
        <v>210</v>
      </c>
      <c r="B66" s="48">
        <v>45350</v>
      </c>
      <c r="C66" s="13" t="s">
        <v>217</v>
      </c>
      <c r="D66" s="13" t="s">
        <v>129</v>
      </c>
      <c r="E66" s="18">
        <v>36620009</v>
      </c>
      <c r="F66" s="13" t="s">
        <v>219</v>
      </c>
      <c r="G66" s="119">
        <v>254.17</v>
      </c>
      <c r="H66" s="120">
        <v>305</v>
      </c>
      <c r="I66" s="49" t="s">
        <v>220</v>
      </c>
      <c r="J66" s="13"/>
    </row>
    <row r="67" spans="1:10" x14ac:dyDescent="0.25">
      <c r="A67" s="11" t="s">
        <v>211</v>
      </c>
      <c r="B67" s="48">
        <v>45350</v>
      </c>
      <c r="C67" s="13" t="s">
        <v>239</v>
      </c>
      <c r="D67" s="13" t="s">
        <v>240</v>
      </c>
      <c r="E67" s="18">
        <v>36215791</v>
      </c>
      <c r="F67" s="13" t="s">
        <v>241</v>
      </c>
      <c r="G67" s="119">
        <v>3566.44</v>
      </c>
      <c r="H67" s="120">
        <v>4279.7299999999996</v>
      </c>
      <c r="I67" s="49" t="s">
        <v>242</v>
      </c>
      <c r="J67" s="13"/>
    </row>
    <row r="68" spans="1:10" x14ac:dyDescent="0.25">
      <c r="A68" s="11" t="s">
        <v>212</v>
      </c>
      <c r="B68" s="48">
        <v>45350</v>
      </c>
      <c r="C68" s="13" t="s">
        <v>243</v>
      </c>
      <c r="D68" s="13" t="s">
        <v>244</v>
      </c>
      <c r="E68" s="18">
        <v>42137004</v>
      </c>
      <c r="F68" s="13" t="s">
        <v>245</v>
      </c>
      <c r="G68" s="119">
        <v>259.64</v>
      </c>
      <c r="H68" s="120">
        <v>259.64</v>
      </c>
      <c r="I68" s="49" t="s">
        <v>246</v>
      </c>
      <c r="J68" s="13"/>
    </row>
    <row r="69" spans="1:10" x14ac:dyDescent="0.25">
      <c r="A69" s="11" t="s">
        <v>247</v>
      </c>
      <c r="B69" s="48">
        <v>45352</v>
      </c>
      <c r="C69" s="13" t="s">
        <v>248</v>
      </c>
      <c r="D69" s="13" t="s">
        <v>249</v>
      </c>
      <c r="E69" s="18">
        <v>46921931</v>
      </c>
      <c r="F69" s="13" t="s">
        <v>250</v>
      </c>
      <c r="G69" s="119">
        <v>26128.43</v>
      </c>
      <c r="H69" s="120">
        <v>27637.66</v>
      </c>
      <c r="I69" s="49" t="s">
        <v>251</v>
      </c>
      <c r="J69" s="13"/>
    </row>
    <row r="70" spans="1:10" x14ac:dyDescent="0.25">
      <c r="A70" s="11" t="s">
        <v>252</v>
      </c>
      <c r="B70" s="48">
        <v>45352</v>
      </c>
      <c r="C70" s="13" t="s">
        <v>253</v>
      </c>
      <c r="D70" s="13" t="s">
        <v>254</v>
      </c>
      <c r="E70" s="18">
        <v>35900831</v>
      </c>
      <c r="F70" s="13" t="s">
        <v>255</v>
      </c>
      <c r="G70" s="119">
        <v>77.5</v>
      </c>
      <c r="H70" s="120">
        <v>93</v>
      </c>
      <c r="I70" s="49"/>
      <c r="J70" s="13">
        <v>282024</v>
      </c>
    </row>
    <row r="71" spans="1:10" x14ac:dyDescent="0.25">
      <c r="A71" s="11" t="s">
        <v>256</v>
      </c>
      <c r="B71" s="48">
        <v>45352</v>
      </c>
      <c r="C71" s="13" t="s">
        <v>243</v>
      </c>
      <c r="D71" s="13" t="s">
        <v>244</v>
      </c>
      <c r="E71" s="18">
        <v>42137004</v>
      </c>
      <c r="F71" s="13" t="s">
        <v>257</v>
      </c>
      <c r="G71" s="119">
        <v>50</v>
      </c>
      <c r="H71" s="120">
        <v>50</v>
      </c>
      <c r="I71" s="49"/>
      <c r="J71" s="13">
        <v>152024</v>
      </c>
    </row>
    <row r="72" spans="1:10" x14ac:dyDescent="0.25">
      <c r="A72" s="11" t="s">
        <v>328</v>
      </c>
      <c r="B72" s="48">
        <v>45355</v>
      </c>
      <c r="C72" s="13" t="s">
        <v>62</v>
      </c>
      <c r="D72" s="13" t="s">
        <v>63</v>
      </c>
      <c r="E72" s="18">
        <v>52929230</v>
      </c>
      <c r="F72" s="13" t="s">
        <v>329</v>
      </c>
      <c r="G72" s="119">
        <v>1700</v>
      </c>
      <c r="H72" s="120">
        <v>2040</v>
      </c>
      <c r="I72" s="49" t="s">
        <v>65</v>
      </c>
      <c r="J72" s="13">
        <v>32024</v>
      </c>
    </row>
    <row r="73" spans="1:10" x14ac:dyDescent="0.25">
      <c r="A73" s="11" t="s">
        <v>258</v>
      </c>
      <c r="B73" s="48">
        <v>45355</v>
      </c>
      <c r="C73" s="13" t="s">
        <v>54</v>
      </c>
      <c r="D73" s="13" t="s">
        <v>55</v>
      </c>
      <c r="E73" s="18">
        <v>36769304</v>
      </c>
      <c r="F73" s="13" t="s">
        <v>259</v>
      </c>
      <c r="G73" s="119">
        <v>600</v>
      </c>
      <c r="H73" s="120">
        <v>720</v>
      </c>
      <c r="I73" s="49" t="s">
        <v>60</v>
      </c>
      <c r="J73" s="13"/>
    </row>
    <row r="74" spans="1:10" x14ac:dyDescent="0.25">
      <c r="A74" s="11" t="s">
        <v>260</v>
      </c>
      <c r="B74" s="48">
        <v>45355</v>
      </c>
      <c r="C74" s="13" t="s">
        <v>54</v>
      </c>
      <c r="D74" s="13" t="s">
        <v>55</v>
      </c>
      <c r="E74" s="18">
        <v>36769304</v>
      </c>
      <c r="F74" s="13" t="s">
        <v>261</v>
      </c>
      <c r="G74" s="119">
        <v>395</v>
      </c>
      <c r="H74" s="120">
        <v>474</v>
      </c>
      <c r="I74" s="49" t="s">
        <v>60</v>
      </c>
      <c r="J74" s="13"/>
    </row>
    <row r="75" spans="1:10" x14ac:dyDescent="0.25">
      <c r="A75" s="11" t="s">
        <v>262</v>
      </c>
      <c r="B75" s="48">
        <v>45355</v>
      </c>
      <c r="C75" s="13" t="s">
        <v>171</v>
      </c>
      <c r="D75" s="13" t="s">
        <v>172</v>
      </c>
      <c r="E75" s="18">
        <v>35872900</v>
      </c>
      <c r="F75" s="13" t="s">
        <v>263</v>
      </c>
      <c r="G75" s="119">
        <v>3400</v>
      </c>
      <c r="H75" s="120">
        <v>4080</v>
      </c>
      <c r="I75" s="15" t="s">
        <v>174</v>
      </c>
      <c r="J75" s="13"/>
    </row>
    <row r="76" spans="1:10" x14ac:dyDescent="0.25">
      <c r="A76" s="11" t="s">
        <v>264</v>
      </c>
      <c r="B76" s="48">
        <v>44990</v>
      </c>
      <c r="C76" s="13" t="s">
        <v>442</v>
      </c>
      <c r="D76" s="13" t="s">
        <v>92</v>
      </c>
      <c r="E76" s="18">
        <v>53528654</v>
      </c>
      <c r="F76" s="13" t="s">
        <v>265</v>
      </c>
      <c r="G76" s="119">
        <v>1851.94</v>
      </c>
      <c r="H76" s="120">
        <v>2210.33</v>
      </c>
      <c r="I76" s="49" t="s">
        <v>74</v>
      </c>
      <c r="J76" s="13"/>
    </row>
    <row r="77" spans="1:10" x14ac:dyDescent="0.25">
      <c r="A77" s="11" t="s">
        <v>266</v>
      </c>
      <c r="B77" s="48">
        <v>45356</v>
      </c>
      <c r="C77" s="13" t="s">
        <v>267</v>
      </c>
      <c r="D77" s="13" t="s">
        <v>268</v>
      </c>
      <c r="E77" s="18">
        <v>35763469</v>
      </c>
      <c r="F77" s="41" t="s">
        <v>269</v>
      </c>
      <c r="G77" s="119">
        <v>2975.27</v>
      </c>
      <c r="H77" s="120">
        <v>3570.08</v>
      </c>
      <c r="I77" s="64" t="s">
        <v>79</v>
      </c>
      <c r="J77" s="13"/>
    </row>
    <row r="78" spans="1:10" x14ac:dyDescent="0.25">
      <c r="A78" s="11" t="s">
        <v>270</v>
      </c>
      <c r="B78" s="48">
        <v>45356</v>
      </c>
      <c r="C78" s="13" t="s">
        <v>267</v>
      </c>
      <c r="D78" s="13" t="s">
        <v>268</v>
      </c>
      <c r="E78" s="18">
        <v>35763469</v>
      </c>
      <c r="F78" s="13" t="s">
        <v>271</v>
      </c>
      <c r="G78" s="119">
        <v>72</v>
      </c>
      <c r="H78" s="120">
        <v>86.4</v>
      </c>
      <c r="I78" s="49" t="s">
        <v>79</v>
      </c>
      <c r="J78" s="13">
        <v>372024</v>
      </c>
    </row>
    <row r="79" spans="1:10" x14ac:dyDescent="0.25">
      <c r="A79" s="11" t="s">
        <v>272</v>
      </c>
      <c r="B79" s="48">
        <v>45356</v>
      </c>
      <c r="C79" s="13" t="s">
        <v>273</v>
      </c>
      <c r="D79" s="13" t="s">
        <v>26</v>
      </c>
      <c r="E79" s="18">
        <v>31369308</v>
      </c>
      <c r="F79" s="13" t="s">
        <v>274</v>
      </c>
      <c r="G79" s="119">
        <v>200</v>
      </c>
      <c r="H79" s="120">
        <v>240</v>
      </c>
      <c r="I79" s="49"/>
      <c r="J79" s="13">
        <v>442024</v>
      </c>
    </row>
    <row r="80" spans="1:10" x14ac:dyDescent="0.25">
      <c r="A80" s="11" t="s">
        <v>275</v>
      </c>
      <c r="B80" s="48">
        <v>45356</v>
      </c>
      <c r="C80" s="13" t="s">
        <v>113</v>
      </c>
      <c r="D80" s="13" t="s">
        <v>114</v>
      </c>
      <c r="E80" s="18">
        <v>36250481</v>
      </c>
      <c r="F80" s="13" t="s">
        <v>276</v>
      </c>
      <c r="G80" s="119">
        <v>10087.5</v>
      </c>
      <c r="H80" s="120">
        <v>12105</v>
      </c>
      <c r="I80" s="49" t="s">
        <v>116</v>
      </c>
      <c r="J80" s="13">
        <v>142024</v>
      </c>
    </row>
    <row r="81" spans="1:10" x14ac:dyDescent="0.25">
      <c r="A81" s="11" t="s">
        <v>277</v>
      </c>
      <c r="B81" s="48">
        <v>45356</v>
      </c>
      <c r="C81" s="13" t="s">
        <v>278</v>
      </c>
      <c r="D81" s="13" t="s">
        <v>279</v>
      </c>
      <c r="E81" s="18">
        <v>36404136</v>
      </c>
      <c r="F81" s="13" t="s">
        <v>280</v>
      </c>
      <c r="G81" s="119">
        <v>3257.02</v>
      </c>
      <c r="H81" s="120">
        <v>3257.02</v>
      </c>
      <c r="I81" s="49" t="s">
        <v>281</v>
      </c>
      <c r="J81" s="13"/>
    </row>
    <row r="82" spans="1:10" x14ac:dyDescent="0.25">
      <c r="A82" s="11" t="s">
        <v>330</v>
      </c>
      <c r="B82" s="48">
        <v>45356</v>
      </c>
      <c r="C82" s="13" t="s">
        <v>278</v>
      </c>
      <c r="D82" s="13" t="s">
        <v>279</v>
      </c>
      <c r="E82" s="18">
        <v>36404136</v>
      </c>
      <c r="F82" s="13" t="s">
        <v>331</v>
      </c>
      <c r="G82" s="119">
        <v>640</v>
      </c>
      <c r="H82" s="120">
        <v>768</v>
      </c>
      <c r="I82" s="49" t="s">
        <v>284</v>
      </c>
      <c r="J82" s="13"/>
    </row>
    <row r="83" spans="1:10" x14ac:dyDescent="0.25">
      <c r="A83" s="11" t="s">
        <v>282</v>
      </c>
      <c r="B83" s="48">
        <v>45356</v>
      </c>
      <c r="C83" s="13" t="s">
        <v>278</v>
      </c>
      <c r="D83" s="13" t="s">
        <v>279</v>
      </c>
      <c r="E83" s="18">
        <v>36404136</v>
      </c>
      <c r="F83" s="13" t="s">
        <v>283</v>
      </c>
      <c r="G83" s="119">
        <v>12407.68</v>
      </c>
      <c r="H83" s="120">
        <v>12407.68</v>
      </c>
      <c r="I83" s="49" t="s">
        <v>284</v>
      </c>
      <c r="J83" s="13"/>
    </row>
    <row r="84" spans="1:10" x14ac:dyDescent="0.25">
      <c r="A84" s="11" t="s">
        <v>285</v>
      </c>
      <c r="B84" s="48">
        <v>45357</v>
      </c>
      <c r="C84" s="13" t="s">
        <v>442</v>
      </c>
      <c r="D84" s="13" t="s">
        <v>145</v>
      </c>
      <c r="E84" s="18">
        <v>53528654</v>
      </c>
      <c r="F84" s="13" t="s">
        <v>286</v>
      </c>
      <c r="G84" s="119">
        <v>596.64</v>
      </c>
      <c r="H84" s="120">
        <v>596.64</v>
      </c>
      <c r="I84" s="60" t="s">
        <v>94</v>
      </c>
      <c r="J84" s="13">
        <v>192024</v>
      </c>
    </row>
    <row r="85" spans="1:10" x14ac:dyDescent="0.25">
      <c r="A85" s="11" t="s">
        <v>287</v>
      </c>
      <c r="B85" s="48">
        <v>45358</v>
      </c>
      <c r="C85" s="13" t="s">
        <v>217</v>
      </c>
      <c r="D85" s="13" t="s">
        <v>218</v>
      </c>
      <c r="E85" s="18">
        <v>36620009</v>
      </c>
      <c r="F85" s="13" t="s">
        <v>288</v>
      </c>
      <c r="G85" s="119">
        <v>54.17</v>
      </c>
      <c r="H85" s="120">
        <v>65</v>
      </c>
      <c r="I85" s="65" t="s">
        <v>220</v>
      </c>
      <c r="J85" s="13"/>
    </row>
    <row r="86" spans="1:10" x14ac:dyDescent="0.25">
      <c r="A86" s="11" t="s">
        <v>289</v>
      </c>
      <c r="B86" s="48">
        <v>45358</v>
      </c>
      <c r="C86" s="13" t="s">
        <v>239</v>
      </c>
      <c r="D86" s="13" t="s">
        <v>240</v>
      </c>
      <c r="E86" s="18">
        <v>36215791</v>
      </c>
      <c r="F86" s="13" t="s">
        <v>290</v>
      </c>
      <c r="G86" s="119">
        <v>3821.63</v>
      </c>
      <c r="H86" s="120">
        <v>4585.96</v>
      </c>
      <c r="I86" s="49" t="s">
        <v>242</v>
      </c>
      <c r="J86" s="13"/>
    </row>
    <row r="87" spans="1:10" x14ac:dyDescent="0.25">
      <c r="A87" s="11" t="s">
        <v>291</v>
      </c>
      <c r="B87" s="48">
        <v>45359</v>
      </c>
      <c r="C87" s="13" t="s">
        <v>292</v>
      </c>
      <c r="D87" s="13" t="s">
        <v>293</v>
      </c>
      <c r="E87" s="18">
        <v>46965432</v>
      </c>
      <c r="F87" s="13" t="s">
        <v>294</v>
      </c>
      <c r="G87" s="119">
        <v>1100</v>
      </c>
      <c r="H87" s="120">
        <v>1320</v>
      </c>
      <c r="I87" s="49"/>
      <c r="J87" s="13">
        <v>482024</v>
      </c>
    </row>
    <row r="88" spans="1:10" x14ac:dyDescent="0.25">
      <c r="A88" s="11" t="s">
        <v>332</v>
      </c>
      <c r="B88" s="48">
        <v>45359</v>
      </c>
      <c r="C88" s="13" t="s">
        <v>333</v>
      </c>
      <c r="D88" s="13" t="s">
        <v>334</v>
      </c>
      <c r="E88" s="18">
        <v>31319823</v>
      </c>
      <c r="F88" s="13" t="s">
        <v>335</v>
      </c>
      <c r="G88" s="119">
        <v>29.04</v>
      </c>
      <c r="H88" s="120">
        <v>34.85</v>
      </c>
      <c r="I88" s="49"/>
      <c r="J88" s="13">
        <v>472024</v>
      </c>
    </row>
    <row r="89" spans="1:10" x14ac:dyDescent="0.25">
      <c r="A89" s="11" t="s">
        <v>295</v>
      </c>
      <c r="B89" s="48">
        <v>45363</v>
      </c>
      <c r="C89" s="13" t="s">
        <v>122</v>
      </c>
      <c r="D89" s="13" t="s">
        <v>123</v>
      </c>
      <c r="E89" s="18">
        <v>36237337</v>
      </c>
      <c r="F89" s="13" t="s">
        <v>296</v>
      </c>
      <c r="G89" s="119">
        <v>45</v>
      </c>
      <c r="H89" s="120">
        <v>54</v>
      </c>
      <c r="I89" s="49" t="s">
        <v>297</v>
      </c>
      <c r="J89" s="13">
        <v>452024</v>
      </c>
    </row>
    <row r="90" spans="1:10" x14ac:dyDescent="0.25">
      <c r="A90" s="11" t="s">
        <v>606</v>
      </c>
      <c r="B90" s="48">
        <v>45362</v>
      </c>
      <c r="C90" s="13" t="s">
        <v>128</v>
      </c>
      <c r="D90" s="13" t="s">
        <v>129</v>
      </c>
      <c r="E90" s="18">
        <v>35954612</v>
      </c>
      <c r="F90" s="13" t="s">
        <v>607</v>
      </c>
      <c r="G90" s="119">
        <v>30040</v>
      </c>
      <c r="H90" s="120">
        <v>36048</v>
      </c>
      <c r="I90" s="49" t="s">
        <v>132</v>
      </c>
      <c r="J90" s="13"/>
    </row>
    <row r="91" spans="1:10" x14ac:dyDescent="0.25">
      <c r="A91" s="11" t="s">
        <v>298</v>
      </c>
      <c r="B91" s="48">
        <v>45364</v>
      </c>
      <c r="C91" s="13" t="s">
        <v>299</v>
      </c>
      <c r="D91" s="13" t="s">
        <v>300</v>
      </c>
      <c r="E91" s="18">
        <v>17315786</v>
      </c>
      <c r="F91" s="13" t="s">
        <v>301</v>
      </c>
      <c r="G91" s="119">
        <v>290</v>
      </c>
      <c r="H91" s="120">
        <v>348</v>
      </c>
      <c r="I91" s="49"/>
      <c r="J91" s="13">
        <v>762024</v>
      </c>
    </row>
    <row r="92" spans="1:10" x14ac:dyDescent="0.25">
      <c r="A92" s="11" t="s">
        <v>336</v>
      </c>
      <c r="B92" s="48">
        <v>45365</v>
      </c>
      <c r="C92" s="13" t="s">
        <v>337</v>
      </c>
      <c r="D92" s="13" t="s">
        <v>118</v>
      </c>
      <c r="E92" s="18">
        <v>36631124</v>
      </c>
      <c r="F92" s="13" t="s">
        <v>338</v>
      </c>
      <c r="G92" s="119">
        <v>-3.6</v>
      </c>
      <c r="H92" s="120">
        <v>-3.6</v>
      </c>
      <c r="I92" s="49" t="s">
        <v>120</v>
      </c>
      <c r="J92" s="13"/>
    </row>
    <row r="93" spans="1:10" x14ac:dyDescent="0.25">
      <c r="A93" s="11" t="s">
        <v>302</v>
      </c>
      <c r="B93" s="48">
        <v>45365</v>
      </c>
      <c r="C93" s="13" t="s">
        <v>267</v>
      </c>
      <c r="D93" s="13" t="s">
        <v>268</v>
      </c>
      <c r="E93" s="18">
        <v>35763469</v>
      </c>
      <c r="F93" s="13" t="s">
        <v>303</v>
      </c>
      <c r="G93" s="119">
        <v>30375</v>
      </c>
      <c r="H93" s="120">
        <v>36450</v>
      </c>
      <c r="I93" s="49" t="s">
        <v>304</v>
      </c>
      <c r="J93" s="13">
        <v>322024</v>
      </c>
    </row>
    <row r="94" spans="1:10" x14ac:dyDescent="0.25">
      <c r="A94" s="11" t="s">
        <v>305</v>
      </c>
      <c r="B94" s="48">
        <v>45366</v>
      </c>
      <c r="C94" s="13" t="s">
        <v>306</v>
      </c>
      <c r="D94" s="13" t="s">
        <v>307</v>
      </c>
      <c r="E94" s="18">
        <v>31365078</v>
      </c>
      <c r="F94" s="13" t="s">
        <v>308</v>
      </c>
      <c r="G94" s="119">
        <v>164</v>
      </c>
      <c r="H94" s="120">
        <v>196.8</v>
      </c>
      <c r="I94" s="49"/>
      <c r="J94" s="13">
        <v>312024</v>
      </c>
    </row>
    <row r="95" spans="1:10" x14ac:dyDescent="0.25">
      <c r="A95" s="11" t="s">
        <v>339</v>
      </c>
      <c r="B95" s="48">
        <v>45366</v>
      </c>
      <c r="C95" s="13" t="s">
        <v>278</v>
      </c>
      <c r="D95" s="13" t="s">
        <v>279</v>
      </c>
      <c r="E95" s="18">
        <v>36404136</v>
      </c>
      <c r="F95" s="13" t="s">
        <v>340</v>
      </c>
      <c r="G95" s="119">
        <v>2240</v>
      </c>
      <c r="H95" s="120">
        <v>2688</v>
      </c>
      <c r="I95" s="49" t="s">
        <v>311</v>
      </c>
      <c r="J95" s="13"/>
    </row>
    <row r="96" spans="1:10" x14ac:dyDescent="0.25">
      <c r="A96" s="11" t="s">
        <v>309</v>
      </c>
      <c r="B96" s="48">
        <v>45366</v>
      </c>
      <c r="C96" s="13" t="s">
        <v>278</v>
      </c>
      <c r="D96" s="13" t="s">
        <v>279</v>
      </c>
      <c r="E96" s="18">
        <v>36404136</v>
      </c>
      <c r="F96" s="13" t="s">
        <v>310</v>
      </c>
      <c r="G96" s="119">
        <v>43426.879999999997</v>
      </c>
      <c r="H96" s="120">
        <v>43426.879999999997</v>
      </c>
      <c r="I96" s="49" t="s">
        <v>311</v>
      </c>
      <c r="J96" s="13"/>
    </row>
    <row r="97" spans="1:10" x14ac:dyDescent="0.25">
      <c r="A97" s="11" t="s">
        <v>312</v>
      </c>
      <c r="B97" s="48">
        <v>45366</v>
      </c>
      <c r="C97" s="13" t="s">
        <v>278</v>
      </c>
      <c r="D97" s="13" t="s">
        <v>279</v>
      </c>
      <c r="E97" s="18">
        <v>36404136</v>
      </c>
      <c r="F97" s="13" t="s">
        <v>313</v>
      </c>
      <c r="G97" s="119">
        <v>9771.06</v>
      </c>
      <c r="H97" s="120">
        <v>11725.27</v>
      </c>
      <c r="I97" s="49" t="s">
        <v>311</v>
      </c>
      <c r="J97" s="13"/>
    </row>
    <row r="98" spans="1:10" x14ac:dyDescent="0.25">
      <c r="A98" s="11" t="s">
        <v>341</v>
      </c>
      <c r="B98" s="48">
        <v>45369</v>
      </c>
      <c r="C98" s="13" t="s">
        <v>81</v>
      </c>
      <c r="D98" s="13" t="s">
        <v>82</v>
      </c>
      <c r="E98" s="18">
        <v>44413467</v>
      </c>
      <c r="F98" s="13" t="s">
        <v>342</v>
      </c>
      <c r="G98" s="119">
        <v>212</v>
      </c>
      <c r="H98" s="120">
        <v>254.4</v>
      </c>
      <c r="I98" s="49"/>
      <c r="J98" s="13">
        <v>592024</v>
      </c>
    </row>
    <row r="99" spans="1:10" x14ac:dyDescent="0.25">
      <c r="A99" s="11" t="s">
        <v>343</v>
      </c>
      <c r="B99" s="48">
        <v>45369</v>
      </c>
      <c r="C99" s="13" t="s">
        <v>81</v>
      </c>
      <c r="D99" s="13" t="s">
        <v>82</v>
      </c>
      <c r="E99" s="18">
        <v>44413467</v>
      </c>
      <c r="F99" s="13" t="s">
        <v>342</v>
      </c>
      <c r="G99" s="119">
        <v>212</v>
      </c>
      <c r="H99" s="120">
        <v>254.4</v>
      </c>
      <c r="I99" s="49"/>
      <c r="J99" s="13">
        <v>582024</v>
      </c>
    </row>
    <row r="100" spans="1:10" x14ac:dyDescent="0.25">
      <c r="A100" s="11" t="s">
        <v>344</v>
      </c>
      <c r="B100" s="48">
        <v>45369</v>
      </c>
      <c r="C100" s="13" t="s">
        <v>81</v>
      </c>
      <c r="D100" s="13" t="s">
        <v>82</v>
      </c>
      <c r="E100" s="18">
        <v>44413467</v>
      </c>
      <c r="F100" s="13" t="s">
        <v>342</v>
      </c>
      <c r="G100" s="119">
        <v>212</v>
      </c>
      <c r="H100" s="120">
        <v>254.4</v>
      </c>
      <c r="I100" s="49"/>
      <c r="J100" s="13">
        <v>602024</v>
      </c>
    </row>
    <row r="101" spans="1:10" x14ac:dyDescent="0.25">
      <c r="A101" s="11" t="s">
        <v>345</v>
      </c>
      <c r="B101" s="48">
        <v>45369</v>
      </c>
      <c r="C101" s="13" t="s">
        <v>81</v>
      </c>
      <c r="D101" s="13" t="s">
        <v>82</v>
      </c>
      <c r="E101" s="18">
        <v>44413467</v>
      </c>
      <c r="F101" s="13" t="s">
        <v>342</v>
      </c>
      <c r="G101" s="119">
        <v>212</v>
      </c>
      <c r="H101" s="120">
        <v>254.4</v>
      </c>
      <c r="I101" s="49"/>
      <c r="J101" s="13">
        <v>562024</v>
      </c>
    </row>
    <row r="102" spans="1:10" x14ac:dyDescent="0.25">
      <c r="A102" s="11" t="s">
        <v>346</v>
      </c>
      <c r="B102" s="48">
        <v>45369</v>
      </c>
      <c r="C102" s="13" t="s">
        <v>81</v>
      </c>
      <c r="D102" s="13" t="s">
        <v>82</v>
      </c>
      <c r="E102" s="18">
        <v>44413467</v>
      </c>
      <c r="F102" s="13" t="s">
        <v>342</v>
      </c>
      <c r="G102" s="119">
        <v>212</v>
      </c>
      <c r="H102" s="120">
        <v>254.4</v>
      </c>
      <c r="I102" s="49"/>
      <c r="J102" s="13">
        <v>542024</v>
      </c>
    </row>
    <row r="103" spans="1:10" x14ac:dyDescent="0.25">
      <c r="A103" s="16" t="s">
        <v>347</v>
      </c>
      <c r="B103" s="23">
        <v>45369</v>
      </c>
      <c r="C103" s="17" t="s">
        <v>81</v>
      </c>
      <c r="D103" s="17" t="s">
        <v>82</v>
      </c>
      <c r="E103" s="24">
        <v>44413467</v>
      </c>
      <c r="F103" s="17" t="s">
        <v>342</v>
      </c>
      <c r="G103" s="110">
        <v>212</v>
      </c>
      <c r="H103" s="111">
        <v>254.4</v>
      </c>
      <c r="I103" s="25"/>
      <c r="J103" s="17">
        <v>572024</v>
      </c>
    </row>
    <row r="104" spans="1:10" x14ac:dyDescent="0.25">
      <c r="A104" s="11" t="s">
        <v>348</v>
      </c>
      <c r="B104" s="48">
        <v>45369</v>
      </c>
      <c r="C104" s="13" t="s">
        <v>81</v>
      </c>
      <c r="D104" s="13" t="s">
        <v>82</v>
      </c>
      <c r="E104" s="18">
        <v>44413467</v>
      </c>
      <c r="F104" s="13" t="s">
        <v>342</v>
      </c>
      <c r="G104" s="119">
        <v>212</v>
      </c>
      <c r="H104" s="120">
        <v>254.4</v>
      </c>
      <c r="I104" s="49"/>
      <c r="J104" s="13">
        <v>552024</v>
      </c>
    </row>
    <row r="105" spans="1:10" x14ac:dyDescent="0.25">
      <c r="A105" s="11" t="s">
        <v>314</v>
      </c>
      <c r="B105" s="48">
        <v>45369</v>
      </c>
      <c r="C105" s="17" t="s">
        <v>144</v>
      </c>
      <c r="D105" s="13" t="s">
        <v>315</v>
      </c>
      <c r="E105" s="18">
        <v>52599515</v>
      </c>
      <c r="F105" s="13" t="s">
        <v>316</v>
      </c>
      <c r="G105" s="119">
        <v>2117.1799999999998</v>
      </c>
      <c r="H105" s="120">
        <v>2540.6</v>
      </c>
      <c r="I105" s="60" t="s">
        <v>199</v>
      </c>
      <c r="J105" s="13"/>
    </row>
    <row r="106" spans="1:10" x14ac:dyDescent="0.25">
      <c r="A106" s="11" t="s">
        <v>349</v>
      </c>
      <c r="B106" s="48">
        <v>45369</v>
      </c>
      <c r="C106" s="13" t="s">
        <v>350</v>
      </c>
      <c r="D106" s="13" t="s">
        <v>351</v>
      </c>
      <c r="E106" s="18">
        <v>47172983</v>
      </c>
      <c r="F106" s="13" t="s">
        <v>352</v>
      </c>
      <c r="G106" s="119">
        <v>37.08</v>
      </c>
      <c r="H106" s="120">
        <v>44.5</v>
      </c>
      <c r="I106" s="49"/>
      <c r="J106" s="13">
        <v>672024</v>
      </c>
    </row>
    <row r="107" spans="1:10" x14ac:dyDescent="0.25">
      <c r="A107" s="11" t="s">
        <v>353</v>
      </c>
      <c r="B107" s="48">
        <v>45369</v>
      </c>
      <c r="C107" s="13" t="s">
        <v>350</v>
      </c>
      <c r="D107" s="13" t="s">
        <v>351</v>
      </c>
      <c r="E107" s="18">
        <v>47172983</v>
      </c>
      <c r="F107" s="13" t="s">
        <v>354</v>
      </c>
      <c r="G107" s="119">
        <v>37.08</v>
      </c>
      <c r="H107" s="120">
        <v>44.5</v>
      </c>
      <c r="I107" s="49"/>
      <c r="J107" s="13">
        <v>682024</v>
      </c>
    </row>
    <row r="108" spans="1:10" x14ac:dyDescent="0.25">
      <c r="A108" s="11" t="s">
        <v>355</v>
      </c>
      <c r="B108" s="48">
        <v>45369</v>
      </c>
      <c r="C108" s="13" t="s">
        <v>350</v>
      </c>
      <c r="D108" s="13" t="s">
        <v>351</v>
      </c>
      <c r="E108" s="18">
        <v>47172983</v>
      </c>
      <c r="F108" s="13" t="s">
        <v>356</v>
      </c>
      <c r="G108" s="119">
        <v>37.08</v>
      </c>
      <c r="H108" s="120">
        <v>44.5</v>
      </c>
      <c r="I108" s="49"/>
      <c r="J108" s="13">
        <v>692024</v>
      </c>
    </row>
    <row r="109" spans="1:10" x14ac:dyDescent="0.25">
      <c r="A109" s="11" t="s">
        <v>357</v>
      </c>
      <c r="B109" s="48">
        <v>45369</v>
      </c>
      <c r="C109" s="13" t="s">
        <v>350</v>
      </c>
      <c r="D109" s="13" t="s">
        <v>351</v>
      </c>
      <c r="E109" s="18">
        <v>47172983</v>
      </c>
      <c r="F109" s="13" t="s">
        <v>358</v>
      </c>
      <c r="G109" s="119">
        <v>37.08</v>
      </c>
      <c r="H109" s="120">
        <v>44.5</v>
      </c>
      <c r="I109" s="49"/>
      <c r="J109" s="13">
        <v>702024</v>
      </c>
    </row>
    <row r="110" spans="1:10" x14ac:dyDescent="0.25">
      <c r="A110" s="11" t="s">
        <v>359</v>
      </c>
      <c r="B110" s="48">
        <v>45369</v>
      </c>
      <c r="C110" s="13" t="s">
        <v>350</v>
      </c>
      <c r="D110" s="13" t="s">
        <v>351</v>
      </c>
      <c r="E110" s="18">
        <v>47172983</v>
      </c>
      <c r="F110" s="13" t="s">
        <v>360</v>
      </c>
      <c r="G110" s="119">
        <v>37.08</v>
      </c>
      <c r="H110" s="120">
        <v>44.5</v>
      </c>
      <c r="I110" s="49"/>
      <c r="J110" s="13">
        <v>712024</v>
      </c>
    </row>
    <row r="111" spans="1:10" x14ac:dyDescent="0.25">
      <c r="A111" s="11" t="s">
        <v>361</v>
      </c>
      <c r="B111" s="48">
        <v>45369</v>
      </c>
      <c r="C111" s="13" t="s">
        <v>350</v>
      </c>
      <c r="D111" s="13" t="s">
        <v>351</v>
      </c>
      <c r="E111" s="18">
        <v>47172983</v>
      </c>
      <c r="F111" s="13" t="s">
        <v>362</v>
      </c>
      <c r="G111" s="119">
        <v>37.08</v>
      </c>
      <c r="H111" s="120">
        <v>44.5</v>
      </c>
      <c r="I111" s="49"/>
      <c r="J111" s="13">
        <v>722024</v>
      </c>
    </row>
    <row r="112" spans="1:10" x14ac:dyDescent="0.25">
      <c r="A112" s="11" t="s">
        <v>363</v>
      </c>
      <c r="B112" s="48">
        <v>45369</v>
      </c>
      <c r="C112" s="13" t="s">
        <v>350</v>
      </c>
      <c r="D112" s="13" t="s">
        <v>351</v>
      </c>
      <c r="E112" s="18">
        <v>47172983</v>
      </c>
      <c r="F112" s="13" t="s">
        <v>364</v>
      </c>
      <c r="G112" s="119">
        <v>37.08</v>
      </c>
      <c r="H112" s="120">
        <v>44.5</v>
      </c>
      <c r="I112" s="49"/>
      <c r="J112" s="13">
        <v>732024</v>
      </c>
    </row>
    <row r="113" spans="1:10" x14ac:dyDescent="0.25">
      <c r="A113" s="11" t="s">
        <v>365</v>
      </c>
      <c r="B113" s="48">
        <v>45369</v>
      </c>
      <c r="C113" s="13" t="s">
        <v>350</v>
      </c>
      <c r="D113" s="13" t="s">
        <v>351</v>
      </c>
      <c r="E113" s="18">
        <v>47172983</v>
      </c>
      <c r="F113" s="13" t="s">
        <v>366</v>
      </c>
      <c r="G113" s="119">
        <v>37.08</v>
      </c>
      <c r="H113" s="120">
        <v>44.5</v>
      </c>
      <c r="I113" s="49"/>
      <c r="J113" s="13">
        <v>742024</v>
      </c>
    </row>
    <row r="114" spans="1:10" x14ac:dyDescent="0.25">
      <c r="A114" s="11" t="s">
        <v>367</v>
      </c>
      <c r="B114" s="48">
        <v>45370</v>
      </c>
      <c r="C114" s="13" t="s">
        <v>49</v>
      </c>
      <c r="D114" s="13" t="s">
        <v>50</v>
      </c>
      <c r="E114" s="18">
        <v>3964</v>
      </c>
      <c r="F114" s="13" t="s">
        <v>368</v>
      </c>
      <c r="G114" s="119">
        <v>1303.33</v>
      </c>
      <c r="H114" s="120">
        <v>1564</v>
      </c>
      <c r="I114" s="49" t="s">
        <v>230</v>
      </c>
      <c r="J114" s="13"/>
    </row>
    <row r="115" spans="1:10" x14ac:dyDescent="0.25">
      <c r="A115" s="12" t="s">
        <v>369</v>
      </c>
      <c r="B115" s="61">
        <v>45372</v>
      </c>
      <c r="C115" s="14" t="s">
        <v>188</v>
      </c>
      <c r="D115" s="14" t="s">
        <v>189</v>
      </c>
      <c r="E115" s="62">
        <v>42156424</v>
      </c>
      <c r="F115" s="14" t="s">
        <v>370</v>
      </c>
      <c r="G115" s="125">
        <v>8892.4500000000007</v>
      </c>
      <c r="H115" s="126">
        <v>10670.94</v>
      </c>
      <c r="I115" s="63" t="s">
        <v>191</v>
      </c>
      <c r="J115" s="14"/>
    </row>
    <row r="116" spans="1:10" x14ac:dyDescent="0.25">
      <c r="A116" s="11" t="s">
        <v>317</v>
      </c>
      <c r="B116" s="48">
        <v>45371</v>
      </c>
      <c r="C116" s="13" t="s">
        <v>161</v>
      </c>
      <c r="D116" s="13" t="s">
        <v>162</v>
      </c>
      <c r="E116" s="18">
        <v>36863360</v>
      </c>
      <c r="F116" s="13" t="s">
        <v>318</v>
      </c>
      <c r="G116" s="119">
        <v>3915</v>
      </c>
      <c r="H116" s="120">
        <v>4698</v>
      </c>
      <c r="I116" s="49" t="s">
        <v>164</v>
      </c>
      <c r="J116" s="13"/>
    </row>
    <row r="117" spans="1:10" x14ac:dyDescent="0.25">
      <c r="A117" s="11" t="s">
        <v>319</v>
      </c>
      <c r="B117" s="48">
        <v>45371</v>
      </c>
      <c r="C117" s="13" t="s">
        <v>161</v>
      </c>
      <c r="D117" s="13" t="s">
        <v>162</v>
      </c>
      <c r="E117" s="18">
        <v>36863360</v>
      </c>
      <c r="F117" s="13" t="s">
        <v>320</v>
      </c>
      <c r="G117" s="119">
        <v>9405</v>
      </c>
      <c r="H117" s="120">
        <v>11286</v>
      </c>
      <c r="I117" s="49" t="s">
        <v>164</v>
      </c>
      <c r="J117" s="13"/>
    </row>
    <row r="118" spans="1:10" x14ac:dyDescent="0.25">
      <c r="A118" s="11" t="s">
        <v>371</v>
      </c>
      <c r="B118" s="48">
        <v>45370</v>
      </c>
      <c r="C118" s="13" t="s">
        <v>299</v>
      </c>
      <c r="D118" s="13" t="s">
        <v>300</v>
      </c>
      <c r="E118" s="18">
        <v>17315786</v>
      </c>
      <c r="F118" s="13" t="s">
        <v>301</v>
      </c>
      <c r="G118" s="119">
        <v>290</v>
      </c>
      <c r="H118" s="120">
        <v>348</v>
      </c>
      <c r="I118" s="49"/>
      <c r="J118" s="13">
        <v>762024</v>
      </c>
    </row>
    <row r="119" spans="1:10" x14ac:dyDescent="0.25">
      <c r="A119" s="66" t="s">
        <v>321</v>
      </c>
      <c r="B119" s="67">
        <v>45371</v>
      </c>
      <c r="C119" s="68" t="s">
        <v>149</v>
      </c>
      <c r="D119" s="68" t="s">
        <v>231</v>
      </c>
      <c r="E119" s="69">
        <v>35889063</v>
      </c>
      <c r="F119" s="68" t="s">
        <v>322</v>
      </c>
      <c r="G119" s="127">
        <v>15.18</v>
      </c>
      <c r="H119" s="128">
        <v>18.22</v>
      </c>
      <c r="I119" s="70" t="s">
        <v>151</v>
      </c>
      <c r="J119" s="68"/>
    </row>
    <row r="120" spans="1:10" x14ac:dyDescent="0.25">
      <c r="A120" s="11" t="s">
        <v>372</v>
      </c>
      <c r="B120" s="48">
        <v>45370</v>
      </c>
      <c r="C120" s="13" t="s">
        <v>373</v>
      </c>
      <c r="D120" s="13" t="s">
        <v>374</v>
      </c>
      <c r="E120" s="18">
        <v>43799485</v>
      </c>
      <c r="F120" s="13" t="s">
        <v>375</v>
      </c>
      <c r="G120" s="119">
        <v>17182.5</v>
      </c>
      <c r="H120" s="120">
        <v>17302.5</v>
      </c>
      <c r="I120" s="49" t="s">
        <v>376</v>
      </c>
      <c r="J120" s="13"/>
    </row>
    <row r="121" spans="1:10" x14ac:dyDescent="0.25">
      <c r="A121" s="11" t="s">
        <v>377</v>
      </c>
      <c r="B121" s="48">
        <v>45370</v>
      </c>
      <c r="C121" s="13" t="s">
        <v>373</v>
      </c>
      <c r="D121" s="13" t="s">
        <v>374</v>
      </c>
      <c r="E121" s="18">
        <v>43799485</v>
      </c>
      <c r="F121" s="13" t="s">
        <v>378</v>
      </c>
      <c r="G121" s="119">
        <v>17868.330000000002</v>
      </c>
      <c r="H121" s="120">
        <v>17988.330000000002</v>
      </c>
      <c r="I121" s="49" t="s">
        <v>376</v>
      </c>
      <c r="J121" s="13"/>
    </row>
    <row r="122" spans="1:10" x14ac:dyDescent="0.25">
      <c r="A122" s="11" t="s">
        <v>379</v>
      </c>
      <c r="B122" s="48">
        <v>45370</v>
      </c>
      <c r="C122" s="13" t="s">
        <v>373</v>
      </c>
      <c r="D122" s="13" t="s">
        <v>374</v>
      </c>
      <c r="E122" s="18">
        <v>43799485</v>
      </c>
      <c r="F122" s="13" t="s">
        <v>380</v>
      </c>
      <c r="G122" s="119">
        <v>1258.06</v>
      </c>
      <c r="H122" s="120">
        <v>1509.68</v>
      </c>
      <c r="I122" s="49" t="s">
        <v>376</v>
      </c>
      <c r="J122" s="13"/>
    </row>
    <row r="123" spans="1:10" x14ac:dyDescent="0.25">
      <c r="A123" s="11" t="s">
        <v>381</v>
      </c>
      <c r="B123" s="48">
        <v>45370</v>
      </c>
      <c r="C123" s="13" t="s">
        <v>373</v>
      </c>
      <c r="D123" s="13" t="s">
        <v>374</v>
      </c>
      <c r="E123" s="18">
        <v>43799485</v>
      </c>
      <c r="F123" s="13" t="s">
        <v>382</v>
      </c>
      <c r="G123" s="119">
        <v>3000</v>
      </c>
      <c r="H123" s="120">
        <v>3600</v>
      </c>
      <c r="I123" s="49" t="s">
        <v>376</v>
      </c>
      <c r="J123" s="13"/>
    </row>
    <row r="124" spans="1:10" x14ac:dyDescent="0.25">
      <c r="A124" s="11" t="s">
        <v>383</v>
      </c>
      <c r="B124" s="48">
        <v>45372</v>
      </c>
      <c r="C124" s="13" t="s">
        <v>299</v>
      </c>
      <c r="D124" s="13" t="s">
        <v>300</v>
      </c>
      <c r="E124" s="18">
        <v>17315786</v>
      </c>
      <c r="F124" s="13" t="s">
        <v>384</v>
      </c>
      <c r="G124" s="119">
        <v>-290</v>
      </c>
      <c r="H124" s="120">
        <v>-348</v>
      </c>
      <c r="I124" s="49"/>
      <c r="J124" s="13">
        <v>762024</v>
      </c>
    </row>
    <row r="125" spans="1:10" x14ac:dyDescent="0.25">
      <c r="A125" s="11" t="s">
        <v>385</v>
      </c>
      <c r="B125" s="48">
        <v>45371</v>
      </c>
      <c r="C125" s="13" t="s">
        <v>386</v>
      </c>
      <c r="D125" s="13" t="s">
        <v>387</v>
      </c>
      <c r="E125" s="18">
        <v>27437973</v>
      </c>
      <c r="F125" s="13" t="s">
        <v>388</v>
      </c>
      <c r="G125" s="119">
        <v>1609</v>
      </c>
      <c r="H125" s="120">
        <v>1609</v>
      </c>
      <c r="I125" s="49"/>
      <c r="J125" s="13">
        <v>802024</v>
      </c>
    </row>
    <row r="126" spans="1:10" x14ac:dyDescent="0.25">
      <c r="A126" s="11" t="s">
        <v>389</v>
      </c>
      <c r="B126" s="48">
        <v>45372</v>
      </c>
      <c r="C126" s="13" t="s">
        <v>390</v>
      </c>
      <c r="D126" s="13" t="s">
        <v>391</v>
      </c>
      <c r="E126" s="18">
        <v>397687</v>
      </c>
      <c r="F126" s="13" t="s">
        <v>392</v>
      </c>
      <c r="G126" s="119">
        <v>291.67</v>
      </c>
      <c r="H126" s="120">
        <v>350</v>
      </c>
      <c r="I126" s="49"/>
      <c r="J126" s="13">
        <v>392024</v>
      </c>
    </row>
    <row r="127" spans="1:10" x14ac:dyDescent="0.25">
      <c r="A127" s="11" t="s">
        <v>393</v>
      </c>
      <c r="B127" s="48">
        <v>45372</v>
      </c>
      <c r="C127" s="13" t="s">
        <v>390</v>
      </c>
      <c r="D127" s="13" t="s">
        <v>391</v>
      </c>
      <c r="E127" s="18">
        <v>397687</v>
      </c>
      <c r="F127" s="13" t="s">
        <v>392</v>
      </c>
      <c r="G127" s="119">
        <v>291.67</v>
      </c>
      <c r="H127" s="120">
        <v>350</v>
      </c>
      <c r="I127" s="49"/>
      <c r="J127" s="13">
        <v>262024</v>
      </c>
    </row>
    <row r="128" spans="1:10" x14ac:dyDescent="0.25">
      <c r="A128" s="11" t="s">
        <v>394</v>
      </c>
      <c r="B128" s="48">
        <v>45373</v>
      </c>
      <c r="C128" s="13" t="s">
        <v>395</v>
      </c>
      <c r="D128" s="13" t="s">
        <v>396</v>
      </c>
      <c r="E128" s="18">
        <v>36384593</v>
      </c>
      <c r="F128" s="13" t="s">
        <v>397</v>
      </c>
      <c r="G128" s="119">
        <v>1219.96</v>
      </c>
      <c r="H128" s="120">
        <v>1463.95</v>
      </c>
      <c r="I128" s="49"/>
      <c r="J128" s="13">
        <v>612024</v>
      </c>
    </row>
    <row r="129" spans="1:10" x14ac:dyDescent="0.25">
      <c r="A129" s="11" t="s">
        <v>398</v>
      </c>
      <c r="B129" s="48">
        <v>45376</v>
      </c>
      <c r="C129" s="13" t="s">
        <v>223</v>
      </c>
      <c r="D129" s="13" t="s">
        <v>224</v>
      </c>
      <c r="E129" s="18">
        <v>36547654</v>
      </c>
      <c r="F129" s="13" t="s">
        <v>399</v>
      </c>
      <c r="G129" s="119">
        <v>3480</v>
      </c>
      <c r="H129" s="120">
        <v>4176</v>
      </c>
      <c r="I129" s="49" t="s">
        <v>228</v>
      </c>
      <c r="J129" s="13">
        <v>362024</v>
      </c>
    </row>
    <row r="130" spans="1:10" x14ac:dyDescent="0.25">
      <c r="A130" s="11" t="s">
        <v>400</v>
      </c>
      <c r="B130" s="48">
        <v>45376</v>
      </c>
      <c r="C130" s="13" t="s">
        <v>223</v>
      </c>
      <c r="D130" s="13" t="s">
        <v>224</v>
      </c>
      <c r="E130" s="18">
        <v>36547654</v>
      </c>
      <c r="F130" s="13" t="s">
        <v>401</v>
      </c>
      <c r="G130" s="119">
        <v>1808</v>
      </c>
      <c r="H130" s="120">
        <v>2169.6</v>
      </c>
      <c r="I130" s="49" t="s">
        <v>226</v>
      </c>
      <c r="J130" s="13">
        <v>352024</v>
      </c>
    </row>
    <row r="131" spans="1:10" x14ac:dyDescent="0.25">
      <c r="A131" s="11" t="s">
        <v>402</v>
      </c>
      <c r="B131" s="48">
        <v>45376</v>
      </c>
      <c r="C131" s="13" t="s">
        <v>248</v>
      </c>
      <c r="D131" s="13" t="s">
        <v>249</v>
      </c>
      <c r="E131" s="18">
        <v>46921931</v>
      </c>
      <c r="F131" s="13" t="s">
        <v>403</v>
      </c>
      <c r="G131" s="119">
        <v>23678.89</v>
      </c>
      <c r="H131" s="120">
        <v>25046.63</v>
      </c>
      <c r="I131" s="49" t="s">
        <v>251</v>
      </c>
      <c r="J131" s="13"/>
    </row>
    <row r="132" spans="1:10" x14ac:dyDescent="0.25">
      <c r="A132" s="11" t="s">
        <v>404</v>
      </c>
      <c r="B132" s="48">
        <v>45376</v>
      </c>
      <c r="C132" s="13" t="s">
        <v>405</v>
      </c>
      <c r="D132" s="13" t="s">
        <v>406</v>
      </c>
      <c r="E132" s="18">
        <v>53227514</v>
      </c>
      <c r="F132" s="13" t="s">
        <v>407</v>
      </c>
      <c r="G132" s="119">
        <v>12813</v>
      </c>
      <c r="H132" s="120">
        <v>12953</v>
      </c>
      <c r="I132" s="49" t="s">
        <v>408</v>
      </c>
      <c r="J132" s="13"/>
    </row>
    <row r="133" spans="1:10" x14ac:dyDescent="0.25">
      <c r="A133" s="11" t="s">
        <v>409</v>
      </c>
      <c r="B133" s="48">
        <v>45376</v>
      </c>
      <c r="C133" s="13" t="s">
        <v>405</v>
      </c>
      <c r="D133" s="13" t="s">
        <v>406</v>
      </c>
      <c r="E133" s="18">
        <v>53227514</v>
      </c>
      <c r="F133" s="13" t="s">
        <v>410</v>
      </c>
      <c r="G133" s="119">
        <v>2500</v>
      </c>
      <c r="H133" s="120">
        <v>3000</v>
      </c>
      <c r="I133" s="49" t="s">
        <v>408</v>
      </c>
      <c r="J133" s="13"/>
    </row>
    <row r="134" spans="1:10" x14ac:dyDescent="0.25">
      <c r="A134" s="11" t="s">
        <v>411</v>
      </c>
      <c r="B134" s="48">
        <v>45376</v>
      </c>
      <c r="C134" s="13" t="s">
        <v>405</v>
      </c>
      <c r="D134" s="13" t="s">
        <v>406</v>
      </c>
      <c r="E134" s="18">
        <v>53227614</v>
      </c>
      <c r="F134" s="13" t="s">
        <v>180</v>
      </c>
      <c r="G134" s="119">
        <v>2500</v>
      </c>
      <c r="H134" s="120">
        <v>3000</v>
      </c>
      <c r="I134" s="49" t="s">
        <v>408</v>
      </c>
      <c r="J134" s="13"/>
    </row>
    <row r="135" spans="1:10" x14ac:dyDescent="0.25">
      <c r="A135" s="11" t="s">
        <v>412</v>
      </c>
      <c r="B135" s="48">
        <v>45376</v>
      </c>
      <c r="C135" s="13" t="s">
        <v>405</v>
      </c>
      <c r="D135" s="13" t="s">
        <v>406</v>
      </c>
      <c r="E135" s="18">
        <v>53227614</v>
      </c>
      <c r="F135" s="13" t="s">
        <v>413</v>
      </c>
      <c r="G135" s="119">
        <v>12813</v>
      </c>
      <c r="H135" s="120">
        <v>12953</v>
      </c>
      <c r="I135" s="49" t="s">
        <v>408</v>
      </c>
      <c r="J135" s="13"/>
    </row>
    <row r="136" spans="1:10" x14ac:dyDescent="0.25">
      <c r="A136" s="11" t="s">
        <v>414</v>
      </c>
      <c r="B136" s="48">
        <v>45376</v>
      </c>
      <c r="C136" s="13" t="s">
        <v>415</v>
      </c>
      <c r="D136" s="13" t="s">
        <v>416</v>
      </c>
      <c r="E136" s="18" t="s">
        <v>417</v>
      </c>
      <c r="F136" s="13" t="s">
        <v>418</v>
      </c>
      <c r="G136" s="119"/>
      <c r="H136" s="120">
        <v>1154.82</v>
      </c>
      <c r="I136" s="49"/>
      <c r="J136" s="13">
        <v>1012024</v>
      </c>
    </row>
    <row r="137" spans="1:10" x14ac:dyDescent="0.25">
      <c r="A137" s="11" t="s">
        <v>419</v>
      </c>
      <c r="B137" s="48">
        <v>45378</v>
      </c>
      <c r="C137" s="13" t="s">
        <v>324</v>
      </c>
      <c r="D137" s="13" t="s">
        <v>325</v>
      </c>
      <c r="E137" s="18">
        <v>35771917</v>
      </c>
      <c r="F137" s="13" t="s">
        <v>420</v>
      </c>
      <c r="G137" s="119">
        <v>-751722</v>
      </c>
      <c r="H137" s="120">
        <v>-902066.4</v>
      </c>
      <c r="I137" s="49" t="s">
        <v>327</v>
      </c>
      <c r="J137" s="13"/>
    </row>
    <row r="138" spans="1:10" x14ac:dyDescent="0.25">
      <c r="A138" s="71" t="s">
        <v>608</v>
      </c>
      <c r="B138" s="72">
        <v>45377</v>
      </c>
      <c r="C138" s="73" t="s">
        <v>324</v>
      </c>
      <c r="D138" s="73" t="s">
        <v>325</v>
      </c>
      <c r="E138" s="74">
        <v>35771917</v>
      </c>
      <c r="F138" s="73" t="s">
        <v>326</v>
      </c>
      <c r="G138" s="129">
        <v>751722</v>
      </c>
      <c r="H138" s="130">
        <v>902066.4</v>
      </c>
      <c r="I138" s="75" t="s">
        <v>327</v>
      </c>
      <c r="J138" s="73"/>
    </row>
    <row r="139" spans="1:10" x14ac:dyDescent="0.25">
      <c r="A139" s="11" t="s">
        <v>421</v>
      </c>
      <c r="B139" s="48">
        <v>45377</v>
      </c>
      <c r="C139" s="13" t="s">
        <v>243</v>
      </c>
      <c r="D139" s="13" t="s">
        <v>244</v>
      </c>
      <c r="E139" s="18">
        <v>42137004</v>
      </c>
      <c r="F139" s="13" t="s">
        <v>422</v>
      </c>
      <c r="G139" s="119">
        <v>100</v>
      </c>
      <c r="H139" s="120">
        <v>100</v>
      </c>
      <c r="I139" s="49"/>
      <c r="J139" s="13">
        <v>462024</v>
      </c>
    </row>
    <row r="140" spans="1:10" x14ac:dyDescent="0.25">
      <c r="A140" s="11" t="s">
        <v>423</v>
      </c>
      <c r="B140" s="48">
        <v>45377</v>
      </c>
      <c r="C140" s="13" t="s">
        <v>267</v>
      </c>
      <c r="D140" s="13" t="s">
        <v>268</v>
      </c>
      <c r="E140" s="18">
        <v>35763469</v>
      </c>
      <c r="F140" s="13" t="s">
        <v>424</v>
      </c>
      <c r="G140" s="119">
        <v>7875</v>
      </c>
      <c r="H140" s="120">
        <v>9450</v>
      </c>
      <c r="I140" s="49" t="s">
        <v>425</v>
      </c>
      <c r="J140" s="13">
        <v>322024</v>
      </c>
    </row>
    <row r="141" spans="1:10" x14ac:dyDescent="0.25">
      <c r="A141" s="11" t="s">
        <v>426</v>
      </c>
      <c r="B141" s="48">
        <v>45377</v>
      </c>
      <c r="C141" s="13" t="s">
        <v>267</v>
      </c>
      <c r="D141" s="13" t="s">
        <v>268</v>
      </c>
      <c r="E141" s="18">
        <v>35763469</v>
      </c>
      <c r="F141" s="13" t="s">
        <v>427</v>
      </c>
      <c r="G141" s="119">
        <v>14150</v>
      </c>
      <c r="H141" s="120">
        <v>16980</v>
      </c>
      <c r="I141" s="49" t="s">
        <v>425</v>
      </c>
      <c r="J141" s="13">
        <v>322024</v>
      </c>
    </row>
    <row r="142" spans="1:10" x14ac:dyDescent="0.25">
      <c r="A142" s="11" t="s">
        <v>428</v>
      </c>
      <c r="B142" s="48">
        <v>45377</v>
      </c>
      <c r="C142" s="13" t="s">
        <v>429</v>
      </c>
      <c r="D142" s="13" t="s">
        <v>430</v>
      </c>
      <c r="E142" s="18">
        <v>36795135</v>
      </c>
      <c r="F142" s="13" t="s">
        <v>431</v>
      </c>
      <c r="G142" s="119">
        <v>4597.32</v>
      </c>
      <c r="H142" s="120">
        <v>4618.32</v>
      </c>
      <c r="I142" s="49" t="s">
        <v>97</v>
      </c>
      <c r="J142" s="13"/>
    </row>
    <row r="143" spans="1:10" x14ac:dyDescent="0.25">
      <c r="A143" s="11" t="s">
        <v>432</v>
      </c>
      <c r="B143" s="48">
        <v>45377</v>
      </c>
      <c r="C143" s="13" t="s">
        <v>429</v>
      </c>
      <c r="D143" s="13" t="s">
        <v>430</v>
      </c>
      <c r="E143" s="18">
        <v>36795135</v>
      </c>
      <c r="F143" s="13" t="s">
        <v>433</v>
      </c>
      <c r="G143" s="119">
        <v>2142.4</v>
      </c>
      <c r="H143" s="120">
        <v>2570.88</v>
      </c>
      <c r="I143" s="49" t="s">
        <v>97</v>
      </c>
      <c r="J143" s="13"/>
    </row>
    <row r="144" spans="1:10" x14ac:dyDescent="0.25">
      <c r="A144" s="11" t="s">
        <v>434</v>
      </c>
      <c r="B144" s="48">
        <v>45378</v>
      </c>
      <c r="C144" s="13" t="s">
        <v>435</v>
      </c>
      <c r="D144" s="13" t="s">
        <v>436</v>
      </c>
      <c r="E144" s="18">
        <v>50356950</v>
      </c>
      <c r="F144" s="13" t="s">
        <v>437</v>
      </c>
      <c r="G144" s="119">
        <v>4523.6000000000004</v>
      </c>
      <c r="H144" s="120">
        <v>5428.32</v>
      </c>
      <c r="I144" s="49"/>
      <c r="J144" s="13">
        <v>782024</v>
      </c>
    </row>
    <row r="145" spans="1:10" x14ac:dyDescent="0.25">
      <c r="A145" s="11" t="s">
        <v>438</v>
      </c>
      <c r="B145" s="48">
        <v>45378</v>
      </c>
      <c r="C145" s="13" t="s">
        <v>395</v>
      </c>
      <c r="D145" s="13" t="s">
        <v>396</v>
      </c>
      <c r="E145" s="18">
        <v>36384593</v>
      </c>
      <c r="F145" s="13" t="s">
        <v>439</v>
      </c>
      <c r="G145" s="119">
        <v>2</v>
      </c>
      <c r="H145" s="120">
        <v>2.4</v>
      </c>
      <c r="I145" s="49" t="s">
        <v>440</v>
      </c>
      <c r="J145" s="13">
        <v>902024</v>
      </c>
    </row>
    <row r="146" spans="1:10" x14ac:dyDescent="0.25">
      <c r="A146" s="11" t="s">
        <v>441</v>
      </c>
      <c r="B146" s="48">
        <v>45379</v>
      </c>
      <c r="C146" s="13" t="s">
        <v>442</v>
      </c>
      <c r="D146" s="13" t="s">
        <v>315</v>
      </c>
      <c r="E146" s="18">
        <v>53528654</v>
      </c>
      <c r="F146" s="13" t="s">
        <v>443</v>
      </c>
      <c r="G146" s="119">
        <v>3024.15</v>
      </c>
      <c r="H146" s="120">
        <v>3024.15</v>
      </c>
      <c r="I146" s="60" t="s">
        <v>94</v>
      </c>
      <c r="J146" s="13">
        <v>1082024</v>
      </c>
    </row>
    <row r="147" spans="1:10" x14ac:dyDescent="0.25">
      <c r="A147" s="11" t="s">
        <v>444</v>
      </c>
      <c r="B147" s="48">
        <v>45379</v>
      </c>
      <c r="C147" s="13" t="s">
        <v>243</v>
      </c>
      <c r="D147" s="13" t="s">
        <v>244</v>
      </c>
      <c r="E147" s="18">
        <v>42137004</v>
      </c>
      <c r="F147" s="13" t="s">
        <v>445</v>
      </c>
      <c r="G147" s="119">
        <v>38.04</v>
      </c>
      <c r="H147" s="120">
        <v>38.04</v>
      </c>
      <c r="I147" s="49" t="s">
        <v>246</v>
      </c>
      <c r="J147" s="13"/>
    </row>
    <row r="148" spans="1:10" x14ac:dyDescent="0.25">
      <c r="A148" s="11" t="s">
        <v>446</v>
      </c>
      <c r="B148" s="48">
        <v>45384</v>
      </c>
      <c r="C148" s="13" t="s">
        <v>54</v>
      </c>
      <c r="D148" s="13" t="s">
        <v>55</v>
      </c>
      <c r="E148" s="18">
        <v>36769304</v>
      </c>
      <c r="F148" s="13" t="s">
        <v>447</v>
      </c>
      <c r="G148" s="119">
        <v>600</v>
      </c>
      <c r="H148" s="120">
        <v>720</v>
      </c>
      <c r="I148" s="49" t="s">
        <v>60</v>
      </c>
      <c r="J148" s="13"/>
    </row>
    <row r="149" spans="1:10" x14ac:dyDescent="0.25">
      <c r="A149" s="11" t="s">
        <v>448</v>
      </c>
      <c r="B149" s="48">
        <v>45384</v>
      </c>
      <c r="C149" s="13" t="s">
        <v>62</v>
      </c>
      <c r="D149" s="13" t="s">
        <v>63</v>
      </c>
      <c r="E149" s="18">
        <v>52929230</v>
      </c>
      <c r="F149" s="13" t="s">
        <v>449</v>
      </c>
      <c r="G149" s="119">
        <v>1700</v>
      </c>
      <c r="H149" s="120">
        <v>2040</v>
      </c>
      <c r="I149" s="49" t="s">
        <v>65</v>
      </c>
      <c r="J149" s="13"/>
    </row>
    <row r="150" spans="1:10" x14ac:dyDescent="0.25">
      <c r="A150" s="11" t="s">
        <v>450</v>
      </c>
      <c r="B150" s="48">
        <v>45384</v>
      </c>
      <c r="C150" s="17" t="s">
        <v>144</v>
      </c>
      <c r="D150" s="13" t="s">
        <v>315</v>
      </c>
      <c r="E150" s="18">
        <v>52599515</v>
      </c>
      <c r="F150" s="13" t="s">
        <v>451</v>
      </c>
      <c r="G150" s="119">
        <v>258868.23</v>
      </c>
      <c r="H150" s="120">
        <v>273707.17</v>
      </c>
      <c r="I150" s="49" t="s">
        <v>199</v>
      </c>
      <c r="J150" s="13"/>
    </row>
    <row r="151" spans="1:10" x14ac:dyDescent="0.25">
      <c r="A151" s="11" t="s">
        <v>452</v>
      </c>
      <c r="B151" s="48">
        <v>45384</v>
      </c>
      <c r="C151" s="13" t="s">
        <v>442</v>
      </c>
      <c r="D151" s="13" t="s">
        <v>315</v>
      </c>
      <c r="E151" s="18">
        <v>53528654</v>
      </c>
      <c r="F151" s="13" t="s">
        <v>453</v>
      </c>
      <c r="G151" s="119">
        <v>2125.7199999999998</v>
      </c>
      <c r="H151" s="120">
        <v>2550.86</v>
      </c>
      <c r="I151" s="49" t="s">
        <v>454</v>
      </c>
      <c r="J151" s="13"/>
    </row>
    <row r="152" spans="1:10" x14ac:dyDescent="0.25">
      <c r="A152" s="16" t="s">
        <v>609</v>
      </c>
      <c r="B152" s="48">
        <v>45384</v>
      </c>
      <c r="C152" s="13" t="s">
        <v>456</v>
      </c>
      <c r="D152" s="13" t="s">
        <v>457</v>
      </c>
      <c r="E152" s="18">
        <v>50142763</v>
      </c>
      <c r="F152" s="13" t="s">
        <v>610</v>
      </c>
      <c r="G152" s="119">
        <v>1490</v>
      </c>
      <c r="H152" s="120">
        <v>1788</v>
      </c>
      <c r="I152" s="49"/>
      <c r="J152" s="13">
        <v>652024</v>
      </c>
    </row>
    <row r="153" spans="1:10" x14ac:dyDescent="0.25">
      <c r="A153" s="16" t="s">
        <v>611</v>
      </c>
      <c r="B153" s="48">
        <v>45384</v>
      </c>
      <c r="C153" s="13" t="s">
        <v>456</v>
      </c>
      <c r="D153" s="13" t="s">
        <v>457</v>
      </c>
      <c r="E153" s="18">
        <v>50142763</v>
      </c>
      <c r="F153" s="13" t="s">
        <v>612</v>
      </c>
      <c r="G153" s="119">
        <v>1181.25</v>
      </c>
      <c r="H153" s="120">
        <v>1417.5</v>
      </c>
      <c r="I153" s="49"/>
      <c r="J153" s="13">
        <v>632024</v>
      </c>
    </row>
    <row r="154" spans="1:10" x14ac:dyDescent="0.25">
      <c r="A154" s="11" t="s">
        <v>455</v>
      </c>
      <c r="B154" s="48">
        <v>45384</v>
      </c>
      <c r="C154" s="13" t="s">
        <v>456</v>
      </c>
      <c r="D154" s="13" t="s">
        <v>457</v>
      </c>
      <c r="E154" s="18">
        <v>50142763</v>
      </c>
      <c r="F154" s="13" t="s">
        <v>458</v>
      </c>
      <c r="G154" s="119">
        <v>1225</v>
      </c>
      <c r="H154" s="120">
        <v>1506</v>
      </c>
      <c r="I154" s="49"/>
      <c r="J154" s="13">
        <v>642024</v>
      </c>
    </row>
    <row r="155" spans="1:10" x14ac:dyDescent="0.25">
      <c r="A155" s="11" t="s">
        <v>459</v>
      </c>
      <c r="B155" s="48">
        <v>45384</v>
      </c>
      <c r="C155" s="13" t="s">
        <v>456</v>
      </c>
      <c r="D155" s="13" t="s">
        <v>457</v>
      </c>
      <c r="E155" s="18">
        <v>50142763</v>
      </c>
      <c r="F155" s="13" t="s">
        <v>460</v>
      </c>
      <c r="G155" s="119">
        <v>1026.25</v>
      </c>
      <c r="H155" s="120">
        <v>1231.5</v>
      </c>
      <c r="I155" s="49"/>
      <c r="J155" s="13">
        <v>622024</v>
      </c>
    </row>
    <row r="156" spans="1:10" x14ac:dyDescent="0.25">
      <c r="A156" s="16" t="s">
        <v>613</v>
      </c>
      <c r="B156" s="48">
        <v>45384</v>
      </c>
      <c r="C156" s="13" t="s">
        <v>456</v>
      </c>
      <c r="D156" s="13" t="s">
        <v>457</v>
      </c>
      <c r="E156" s="18">
        <v>50142763</v>
      </c>
      <c r="F156" s="13" t="s">
        <v>614</v>
      </c>
      <c r="G156" s="119">
        <v>1470.75</v>
      </c>
      <c r="H156" s="120">
        <v>1764.9</v>
      </c>
      <c r="I156" s="49"/>
      <c r="J156" s="13">
        <v>662024</v>
      </c>
    </row>
    <row r="157" spans="1:10" x14ac:dyDescent="0.25">
      <c r="A157" s="11" t="s">
        <v>461</v>
      </c>
      <c r="B157" s="48">
        <v>45385</v>
      </c>
      <c r="C157" s="13" t="s">
        <v>171</v>
      </c>
      <c r="D157" s="13" t="s">
        <v>172</v>
      </c>
      <c r="E157" s="18">
        <v>35872900</v>
      </c>
      <c r="F157" s="13" t="s">
        <v>462</v>
      </c>
      <c r="G157" s="119">
        <v>3500</v>
      </c>
      <c r="H157" s="120">
        <v>4200</v>
      </c>
      <c r="I157" s="15" t="s">
        <v>463</v>
      </c>
      <c r="J157" s="13"/>
    </row>
    <row r="158" spans="1:10" x14ac:dyDescent="0.25">
      <c r="A158" s="11" t="s">
        <v>464</v>
      </c>
      <c r="B158" s="48">
        <v>45385</v>
      </c>
      <c r="C158" s="13" t="s">
        <v>54</v>
      </c>
      <c r="D158" s="13" t="s">
        <v>55</v>
      </c>
      <c r="E158" s="18">
        <v>36769304</v>
      </c>
      <c r="F158" s="13" t="s">
        <v>465</v>
      </c>
      <c r="G158" s="119">
        <v>395</v>
      </c>
      <c r="H158" s="120">
        <v>474</v>
      </c>
      <c r="I158" s="49" t="s">
        <v>60</v>
      </c>
      <c r="J158" s="13"/>
    </row>
    <row r="159" spans="1:10" x14ac:dyDescent="0.25">
      <c r="A159" s="16" t="s">
        <v>852</v>
      </c>
      <c r="B159" s="48">
        <v>45385</v>
      </c>
      <c r="C159" s="13" t="s">
        <v>67</v>
      </c>
      <c r="D159" s="13" t="s">
        <v>68</v>
      </c>
      <c r="E159" s="18">
        <v>35745274</v>
      </c>
      <c r="F159" s="13" t="s">
        <v>853</v>
      </c>
      <c r="G159" s="119">
        <v>618</v>
      </c>
      <c r="H159" s="120">
        <v>741.6</v>
      </c>
      <c r="I159" s="49" t="s">
        <v>70</v>
      </c>
      <c r="J159" s="13"/>
    </row>
    <row r="160" spans="1:10" x14ac:dyDescent="0.25">
      <c r="A160" s="11" t="s">
        <v>466</v>
      </c>
      <c r="B160" s="48">
        <v>45385</v>
      </c>
      <c r="C160" s="13" t="s">
        <v>113</v>
      </c>
      <c r="D160" s="13" t="s">
        <v>114</v>
      </c>
      <c r="E160" s="18">
        <v>36250481</v>
      </c>
      <c r="F160" s="13" t="s">
        <v>276</v>
      </c>
      <c r="G160" s="119">
        <v>10952.5</v>
      </c>
      <c r="H160" s="120">
        <v>13143</v>
      </c>
      <c r="I160" s="49" t="s">
        <v>116</v>
      </c>
      <c r="J160" s="13">
        <v>142024</v>
      </c>
    </row>
    <row r="161" spans="1:10" x14ac:dyDescent="0.25">
      <c r="A161" s="11" t="s">
        <v>467</v>
      </c>
      <c r="B161" s="48">
        <v>45385</v>
      </c>
      <c r="C161" s="13" t="s">
        <v>468</v>
      </c>
      <c r="D161" s="13" t="s">
        <v>469</v>
      </c>
      <c r="E161" s="18">
        <v>32627211</v>
      </c>
      <c r="F161" s="13" t="s">
        <v>470</v>
      </c>
      <c r="G161" s="119">
        <v>4569</v>
      </c>
      <c r="H161" s="120">
        <v>5482.8</v>
      </c>
      <c r="I161" s="49"/>
      <c r="J161" s="13">
        <v>922024</v>
      </c>
    </row>
    <row r="162" spans="1:10" x14ac:dyDescent="0.25">
      <c r="A162" s="11" t="s">
        <v>471</v>
      </c>
      <c r="B162" s="48">
        <v>45386</v>
      </c>
      <c r="C162" s="13" t="s">
        <v>472</v>
      </c>
      <c r="D162" s="13" t="s">
        <v>473</v>
      </c>
      <c r="E162" s="18" t="s">
        <v>474</v>
      </c>
      <c r="F162" s="13" t="s">
        <v>475</v>
      </c>
      <c r="G162" s="119">
        <v>200</v>
      </c>
      <c r="H162" s="120">
        <v>200</v>
      </c>
      <c r="I162" s="49"/>
      <c r="J162" s="13">
        <v>1092024</v>
      </c>
    </row>
    <row r="163" spans="1:10" x14ac:dyDescent="0.25">
      <c r="A163" s="11" t="s">
        <v>476</v>
      </c>
      <c r="B163" s="48">
        <v>45386</v>
      </c>
      <c r="C163" s="13" t="s">
        <v>472</v>
      </c>
      <c r="D163" s="13" t="s">
        <v>473</v>
      </c>
      <c r="E163" s="18" t="s">
        <v>474</v>
      </c>
      <c r="F163" s="13" t="s">
        <v>477</v>
      </c>
      <c r="G163" s="119">
        <v>200</v>
      </c>
      <c r="H163" s="120">
        <v>200</v>
      </c>
      <c r="I163" s="49"/>
      <c r="J163" s="13">
        <v>1092024</v>
      </c>
    </row>
    <row r="164" spans="1:10" x14ac:dyDescent="0.25">
      <c r="A164" s="11" t="s">
        <v>478</v>
      </c>
      <c r="B164" s="48">
        <v>45386</v>
      </c>
      <c r="C164" s="13" t="s">
        <v>472</v>
      </c>
      <c r="D164" s="13" t="s">
        <v>473</v>
      </c>
      <c r="E164" s="18" t="s">
        <v>474</v>
      </c>
      <c r="F164" s="13" t="s">
        <v>479</v>
      </c>
      <c r="G164" s="119">
        <v>200</v>
      </c>
      <c r="H164" s="120">
        <v>200</v>
      </c>
      <c r="I164" s="49"/>
      <c r="J164" s="13">
        <v>1092024</v>
      </c>
    </row>
    <row r="165" spans="1:10" x14ac:dyDescent="0.25">
      <c r="A165" s="11" t="s">
        <v>480</v>
      </c>
      <c r="B165" s="48">
        <v>45386</v>
      </c>
      <c r="C165" s="13" t="s">
        <v>267</v>
      </c>
      <c r="D165" s="13" t="s">
        <v>268</v>
      </c>
      <c r="E165" s="18">
        <v>35763469</v>
      </c>
      <c r="F165" s="13" t="s">
        <v>481</v>
      </c>
      <c r="G165" s="119">
        <v>3241.69</v>
      </c>
      <c r="H165" s="120">
        <v>3890.03</v>
      </c>
      <c r="I165" s="49" t="s">
        <v>79</v>
      </c>
      <c r="J165" s="13"/>
    </row>
    <row r="166" spans="1:10" x14ac:dyDescent="0.25">
      <c r="A166" s="11" t="s">
        <v>482</v>
      </c>
      <c r="B166" s="48">
        <v>45386</v>
      </c>
      <c r="C166" s="13" t="s">
        <v>483</v>
      </c>
      <c r="D166" s="13" t="s">
        <v>484</v>
      </c>
      <c r="E166" s="18">
        <v>35728311</v>
      </c>
      <c r="F166" s="13" t="s">
        <v>485</v>
      </c>
      <c r="G166" s="119">
        <v>171.97</v>
      </c>
      <c r="H166" s="120">
        <v>206.36</v>
      </c>
      <c r="I166" s="49"/>
      <c r="J166" s="13">
        <v>892024</v>
      </c>
    </row>
    <row r="167" spans="1:10" x14ac:dyDescent="0.25">
      <c r="A167" s="11" t="s">
        <v>486</v>
      </c>
      <c r="B167" s="48">
        <v>45386</v>
      </c>
      <c r="C167" s="17" t="s">
        <v>144</v>
      </c>
      <c r="D167" s="13" t="s">
        <v>315</v>
      </c>
      <c r="E167" s="18">
        <v>52599515</v>
      </c>
      <c r="F167" s="13" t="s">
        <v>487</v>
      </c>
      <c r="G167" s="119">
        <v>13966.77</v>
      </c>
      <c r="H167" s="120">
        <v>14286.6</v>
      </c>
      <c r="I167" s="49" t="s">
        <v>199</v>
      </c>
      <c r="J167" s="13"/>
    </row>
    <row r="168" spans="1:10" x14ac:dyDescent="0.25">
      <c r="A168" s="11" t="s">
        <v>488</v>
      </c>
      <c r="B168" s="48">
        <v>45390</v>
      </c>
      <c r="C168" s="13" t="s">
        <v>489</v>
      </c>
      <c r="D168" s="13" t="s">
        <v>490</v>
      </c>
      <c r="E168" s="18">
        <v>35769394</v>
      </c>
      <c r="F168" s="13" t="s">
        <v>491</v>
      </c>
      <c r="G168" s="119">
        <v>10005.14</v>
      </c>
      <c r="H168" s="120">
        <v>12006.17</v>
      </c>
      <c r="I168" s="49" t="s">
        <v>492</v>
      </c>
      <c r="J168" s="13"/>
    </row>
    <row r="169" spans="1:10" x14ac:dyDescent="0.25">
      <c r="A169" s="11" t="s">
        <v>493</v>
      </c>
      <c r="B169" s="48">
        <v>45390</v>
      </c>
      <c r="C169" s="13" t="s">
        <v>405</v>
      </c>
      <c r="D169" s="13" t="s">
        <v>406</v>
      </c>
      <c r="E169" s="18">
        <v>53227614</v>
      </c>
      <c r="F169" s="13" t="s">
        <v>494</v>
      </c>
      <c r="G169" s="119">
        <v>12113</v>
      </c>
      <c r="H169" s="120">
        <v>12953</v>
      </c>
      <c r="I169" s="49" t="s">
        <v>495</v>
      </c>
      <c r="J169" s="13"/>
    </row>
    <row r="170" spans="1:10" x14ac:dyDescent="0.25">
      <c r="A170" s="11" t="s">
        <v>496</v>
      </c>
      <c r="B170" s="48">
        <v>45390</v>
      </c>
      <c r="C170" s="13" t="s">
        <v>405</v>
      </c>
      <c r="D170" s="13" t="s">
        <v>406</v>
      </c>
      <c r="E170" s="18">
        <v>53227514</v>
      </c>
      <c r="F170" s="13" t="s">
        <v>497</v>
      </c>
      <c r="G170" s="119">
        <v>2500</v>
      </c>
      <c r="H170" s="120">
        <v>3000</v>
      </c>
      <c r="I170" s="49" t="s">
        <v>495</v>
      </c>
      <c r="J170" s="13"/>
    </row>
    <row r="171" spans="1:10" x14ac:dyDescent="0.25">
      <c r="A171" s="11" t="s">
        <v>498</v>
      </c>
      <c r="B171" s="48">
        <v>45387</v>
      </c>
      <c r="C171" s="13" t="s">
        <v>499</v>
      </c>
      <c r="D171" s="13" t="s">
        <v>500</v>
      </c>
      <c r="E171" s="18">
        <v>36777307</v>
      </c>
      <c r="F171" s="13" t="s">
        <v>501</v>
      </c>
      <c r="G171" s="119">
        <v>55</v>
      </c>
      <c r="H171" s="120">
        <v>66</v>
      </c>
      <c r="I171" s="49"/>
      <c r="J171" s="13">
        <v>1072024</v>
      </c>
    </row>
    <row r="172" spans="1:10" x14ac:dyDescent="0.25">
      <c r="A172" s="11" t="s">
        <v>502</v>
      </c>
      <c r="B172" s="48">
        <v>45390</v>
      </c>
      <c r="C172" s="13" t="s">
        <v>217</v>
      </c>
      <c r="D172" s="13" t="s">
        <v>503</v>
      </c>
      <c r="E172" s="18">
        <v>36620009</v>
      </c>
      <c r="F172" s="13" t="s">
        <v>288</v>
      </c>
      <c r="G172" s="119">
        <v>54.17</v>
      </c>
      <c r="H172" s="120">
        <v>65</v>
      </c>
      <c r="I172" s="65" t="s">
        <v>220</v>
      </c>
      <c r="J172" s="13"/>
    </row>
    <row r="173" spans="1:10" x14ac:dyDescent="0.25">
      <c r="A173" s="11" t="s">
        <v>504</v>
      </c>
      <c r="B173" s="48">
        <v>45391</v>
      </c>
      <c r="C173" s="13" t="s">
        <v>505</v>
      </c>
      <c r="D173" s="13" t="s">
        <v>506</v>
      </c>
      <c r="E173" s="18">
        <v>35765038</v>
      </c>
      <c r="F173" s="13" t="s">
        <v>507</v>
      </c>
      <c r="G173" s="119">
        <v>159.54</v>
      </c>
      <c r="H173" s="120">
        <v>192.4</v>
      </c>
      <c r="I173" s="49"/>
      <c r="J173" s="13">
        <v>822024</v>
      </c>
    </row>
    <row r="174" spans="1:10" x14ac:dyDescent="0.25">
      <c r="A174" s="11" t="s">
        <v>508</v>
      </c>
      <c r="B174" s="48">
        <v>45391</v>
      </c>
      <c r="C174" s="13" t="s">
        <v>505</v>
      </c>
      <c r="D174" s="13" t="s">
        <v>506</v>
      </c>
      <c r="E174" s="18">
        <v>35765038</v>
      </c>
      <c r="F174" s="13" t="s">
        <v>507</v>
      </c>
      <c r="G174" s="119">
        <v>159.54</v>
      </c>
      <c r="H174" s="120">
        <v>192.4</v>
      </c>
      <c r="I174" s="49"/>
      <c r="J174" s="13">
        <v>832024</v>
      </c>
    </row>
    <row r="175" spans="1:10" x14ac:dyDescent="0.25">
      <c r="A175" s="11" t="s">
        <v>509</v>
      </c>
      <c r="B175" s="48">
        <v>45391</v>
      </c>
      <c r="C175" s="13" t="s">
        <v>505</v>
      </c>
      <c r="D175" s="13" t="s">
        <v>506</v>
      </c>
      <c r="E175" s="18">
        <v>35765038</v>
      </c>
      <c r="F175" s="13" t="s">
        <v>507</v>
      </c>
      <c r="G175" s="119">
        <v>159.54</v>
      </c>
      <c r="H175" s="120">
        <v>192.4</v>
      </c>
      <c r="I175" s="49"/>
      <c r="J175" s="13">
        <v>882024</v>
      </c>
    </row>
    <row r="176" spans="1:10" x14ac:dyDescent="0.25">
      <c r="A176" s="11" t="s">
        <v>510</v>
      </c>
      <c r="B176" s="48">
        <v>45391</v>
      </c>
      <c r="C176" s="13" t="s">
        <v>505</v>
      </c>
      <c r="D176" s="13" t="s">
        <v>506</v>
      </c>
      <c r="E176" s="18">
        <v>35765038</v>
      </c>
      <c r="F176" s="13" t="s">
        <v>507</v>
      </c>
      <c r="G176" s="119">
        <v>159.54</v>
      </c>
      <c r="H176" s="120">
        <v>192.4</v>
      </c>
      <c r="I176" s="49"/>
      <c r="J176" s="13">
        <v>852024</v>
      </c>
    </row>
    <row r="177" spans="1:10" x14ac:dyDescent="0.25">
      <c r="A177" s="11" t="s">
        <v>511</v>
      </c>
      <c r="B177" s="48">
        <v>45391</v>
      </c>
      <c r="C177" s="13" t="s">
        <v>505</v>
      </c>
      <c r="D177" s="13" t="s">
        <v>506</v>
      </c>
      <c r="E177" s="18">
        <v>35765038</v>
      </c>
      <c r="F177" s="13" t="s">
        <v>507</v>
      </c>
      <c r="G177" s="119">
        <v>159.54</v>
      </c>
      <c r="H177" s="120">
        <v>192.4</v>
      </c>
      <c r="I177" s="49"/>
      <c r="J177" s="13">
        <v>842024</v>
      </c>
    </row>
    <row r="178" spans="1:10" x14ac:dyDescent="0.25">
      <c r="A178" s="11" t="s">
        <v>512</v>
      </c>
      <c r="B178" s="48">
        <v>45391</v>
      </c>
      <c r="C178" s="13" t="s">
        <v>505</v>
      </c>
      <c r="D178" s="13" t="s">
        <v>506</v>
      </c>
      <c r="E178" s="18">
        <v>35765039</v>
      </c>
      <c r="F178" s="13" t="s">
        <v>507</v>
      </c>
      <c r="G178" s="119">
        <v>159.54</v>
      </c>
      <c r="H178" s="120">
        <v>192.4</v>
      </c>
      <c r="I178" s="49"/>
      <c r="J178" s="13">
        <v>862024</v>
      </c>
    </row>
    <row r="179" spans="1:10" x14ac:dyDescent="0.25">
      <c r="A179" s="11" t="s">
        <v>513</v>
      </c>
      <c r="B179" s="48">
        <v>45391</v>
      </c>
      <c r="C179" s="13" t="s">
        <v>505</v>
      </c>
      <c r="D179" s="13" t="s">
        <v>506</v>
      </c>
      <c r="E179" s="18">
        <v>35765040</v>
      </c>
      <c r="F179" s="13" t="s">
        <v>507</v>
      </c>
      <c r="G179" s="119">
        <v>159.54</v>
      </c>
      <c r="H179" s="120">
        <v>192.4</v>
      </c>
      <c r="I179" s="49"/>
      <c r="J179" s="13">
        <v>872024</v>
      </c>
    </row>
    <row r="180" spans="1:10" x14ac:dyDescent="0.25">
      <c r="A180" s="11" t="s">
        <v>514</v>
      </c>
      <c r="B180" s="48">
        <v>45391</v>
      </c>
      <c r="C180" s="13" t="s">
        <v>515</v>
      </c>
      <c r="D180" s="13" t="s">
        <v>516</v>
      </c>
      <c r="E180" s="18">
        <v>35950226</v>
      </c>
      <c r="F180" s="13" t="s">
        <v>517</v>
      </c>
      <c r="G180" s="119">
        <v>505.25</v>
      </c>
      <c r="H180" s="120">
        <v>606.29999999999995</v>
      </c>
      <c r="I180" s="49"/>
      <c r="J180" s="13">
        <v>1102024</v>
      </c>
    </row>
    <row r="181" spans="1:10" x14ac:dyDescent="0.25">
      <c r="A181" s="11" t="s">
        <v>518</v>
      </c>
      <c r="B181" s="48">
        <v>45391</v>
      </c>
      <c r="C181" s="13" t="s">
        <v>149</v>
      </c>
      <c r="D181" s="13" t="s">
        <v>519</v>
      </c>
      <c r="E181" s="18">
        <v>35889063</v>
      </c>
      <c r="F181" s="13" t="s">
        <v>520</v>
      </c>
      <c r="G181" s="119">
        <v>100</v>
      </c>
      <c r="H181" s="120">
        <v>100</v>
      </c>
      <c r="I181" s="49" t="s">
        <v>151</v>
      </c>
      <c r="J181" s="13"/>
    </row>
    <row r="182" spans="1:10" x14ac:dyDescent="0.25">
      <c r="A182" s="11" t="s">
        <v>521</v>
      </c>
      <c r="B182" s="48">
        <v>45391</v>
      </c>
      <c r="C182" s="13" t="s">
        <v>149</v>
      </c>
      <c r="D182" s="13" t="s">
        <v>519</v>
      </c>
      <c r="E182" s="18">
        <v>35889063</v>
      </c>
      <c r="F182" s="13" t="s">
        <v>522</v>
      </c>
      <c r="G182" s="119">
        <v>100</v>
      </c>
      <c r="H182" s="120">
        <v>100</v>
      </c>
      <c r="I182" s="49" t="s">
        <v>151</v>
      </c>
      <c r="J182" s="13"/>
    </row>
    <row r="183" spans="1:10" x14ac:dyDescent="0.25">
      <c r="A183" s="11" t="s">
        <v>523</v>
      </c>
      <c r="B183" s="48">
        <v>45391</v>
      </c>
      <c r="C183" s="13" t="s">
        <v>67</v>
      </c>
      <c r="D183" s="13" t="s">
        <v>68</v>
      </c>
      <c r="E183" s="18">
        <v>35745274</v>
      </c>
      <c r="F183" s="13" t="s">
        <v>524</v>
      </c>
      <c r="G183" s="119">
        <v>618</v>
      </c>
      <c r="H183" s="120">
        <v>741.6</v>
      </c>
      <c r="I183" s="49" t="s">
        <v>70</v>
      </c>
      <c r="J183" s="13"/>
    </row>
    <row r="184" spans="1:10" x14ac:dyDescent="0.25">
      <c r="A184" s="11" t="s">
        <v>525</v>
      </c>
      <c r="B184" s="48">
        <v>45391</v>
      </c>
      <c r="C184" s="13" t="s">
        <v>373</v>
      </c>
      <c r="D184" s="13" t="s">
        <v>374</v>
      </c>
      <c r="E184" s="18">
        <v>43799485</v>
      </c>
      <c r="F184" s="13" t="s">
        <v>526</v>
      </c>
      <c r="G184" s="119">
        <v>17268.330000000002</v>
      </c>
      <c r="H184" s="120">
        <v>17988.330000000002</v>
      </c>
      <c r="I184" s="49" t="s">
        <v>376</v>
      </c>
      <c r="J184" s="13"/>
    </row>
    <row r="185" spans="1:10" x14ac:dyDescent="0.25">
      <c r="A185" s="11" t="s">
        <v>527</v>
      </c>
      <c r="B185" s="48">
        <v>45391</v>
      </c>
      <c r="C185" s="13" t="s">
        <v>373</v>
      </c>
      <c r="D185" s="13" t="s">
        <v>374</v>
      </c>
      <c r="E185" s="18">
        <v>43799485</v>
      </c>
      <c r="F185" s="13" t="s">
        <v>528</v>
      </c>
      <c r="G185" s="119">
        <v>3000</v>
      </c>
      <c r="H185" s="120">
        <v>3600</v>
      </c>
      <c r="I185" s="49" t="s">
        <v>376</v>
      </c>
      <c r="J185" s="13"/>
    </row>
    <row r="186" spans="1:10" x14ac:dyDescent="0.25">
      <c r="A186" s="16" t="s">
        <v>615</v>
      </c>
      <c r="B186" s="48">
        <v>45391</v>
      </c>
      <c r="C186" s="13" t="s">
        <v>128</v>
      </c>
      <c r="D186" s="13" t="s">
        <v>129</v>
      </c>
      <c r="E186" s="18">
        <v>35954612</v>
      </c>
      <c r="F186" s="13" t="s">
        <v>616</v>
      </c>
      <c r="G186" s="119">
        <v>18030</v>
      </c>
      <c r="H186" s="120">
        <v>21636</v>
      </c>
      <c r="I186" s="49" t="s">
        <v>617</v>
      </c>
      <c r="J186" s="13"/>
    </row>
    <row r="187" spans="1:10" x14ac:dyDescent="0.25">
      <c r="A187" s="16" t="s">
        <v>529</v>
      </c>
      <c r="B187" s="48">
        <v>45392</v>
      </c>
      <c r="C187" s="13" t="s">
        <v>530</v>
      </c>
      <c r="D187" s="13" t="s">
        <v>531</v>
      </c>
      <c r="E187" s="18">
        <v>47139200</v>
      </c>
      <c r="F187" s="13" t="s">
        <v>532</v>
      </c>
      <c r="G187" s="119">
        <v>100</v>
      </c>
      <c r="H187" s="120">
        <v>120</v>
      </c>
      <c r="I187" s="49"/>
      <c r="J187" s="13">
        <v>1052024</v>
      </c>
    </row>
    <row r="188" spans="1:10" x14ac:dyDescent="0.25">
      <c r="A188" s="16" t="s">
        <v>533</v>
      </c>
      <c r="B188" s="48">
        <v>45392</v>
      </c>
      <c r="C188" s="13" t="s">
        <v>442</v>
      </c>
      <c r="D188" s="13" t="s">
        <v>315</v>
      </c>
      <c r="E188" s="18">
        <v>53528654</v>
      </c>
      <c r="F188" s="13" t="s">
        <v>534</v>
      </c>
      <c r="G188" s="119">
        <v>801.37</v>
      </c>
      <c r="H188" s="120">
        <v>801.37</v>
      </c>
      <c r="I188" s="60" t="s">
        <v>94</v>
      </c>
      <c r="J188" s="13"/>
    </row>
    <row r="189" spans="1:10" x14ac:dyDescent="0.25">
      <c r="A189" s="16" t="s">
        <v>535</v>
      </c>
      <c r="B189" s="23">
        <v>45392</v>
      </c>
      <c r="C189" s="17" t="s">
        <v>536</v>
      </c>
      <c r="D189" s="17" t="s">
        <v>537</v>
      </c>
      <c r="E189" s="24">
        <v>51995280</v>
      </c>
      <c r="F189" s="17" t="s">
        <v>538</v>
      </c>
      <c r="G189" s="110">
        <v>8200</v>
      </c>
      <c r="H189" s="111">
        <v>8200</v>
      </c>
      <c r="I189" s="25"/>
      <c r="J189" s="17">
        <v>492024</v>
      </c>
    </row>
    <row r="190" spans="1:10" x14ac:dyDescent="0.25">
      <c r="A190" s="16" t="s">
        <v>618</v>
      </c>
      <c r="B190" s="48">
        <v>45391</v>
      </c>
      <c r="C190" s="13" t="s">
        <v>128</v>
      </c>
      <c r="D190" s="13" t="s">
        <v>129</v>
      </c>
      <c r="E190" s="18">
        <v>35954612</v>
      </c>
      <c r="F190" s="13" t="s">
        <v>619</v>
      </c>
      <c r="G190" s="119">
        <v>16650</v>
      </c>
      <c r="H190" s="120">
        <v>19860</v>
      </c>
      <c r="I190" s="49" t="s">
        <v>617</v>
      </c>
      <c r="J190" s="13"/>
    </row>
    <row r="191" spans="1:10" x14ac:dyDescent="0.25">
      <c r="A191" s="16" t="s">
        <v>620</v>
      </c>
      <c r="B191" s="48">
        <v>45391</v>
      </c>
      <c r="C191" s="13" t="s">
        <v>128</v>
      </c>
      <c r="D191" s="13" t="s">
        <v>129</v>
      </c>
      <c r="E191" s="18">
        <v>35954612</v>
      </c>
      <c r="F191" s="13" t="s">
        <v>621</v>
      </c>
      <c r="G191" s="119">
        <v>20550</v>
      </c>
      <c r="H191" s="120">
        <v>24660</v>
      </c>
      <c r="I191" s="49" t="s">
        <v>617</v>
      </c>
      <c r="J191" s="13"/>
    </row>
    <row r="192" spans="1:10" x14ac:dyDescent="0.25">
      <c r="A192" s="16" t="s">
        <v>622</v>
      </c>
      <c r="B192" s="48">
        <v>45391</v>
      </c>
      <c r="C192" s="13" t="s">
        <v>128</v>
      </c>
      <c r="D192" s="13" t="s">
        <v>129</v>
      </c>
      <c r="E192" s="18">
        <v>35954612</v>
      </c>
      <c r="F192" s="13" t="s">
        <v>623</v>
      </c>
      <c r="G192" s="119">
        <v>24800</v>
      </c>
      <c r="H192" s="120">
        <v>29760</v>
      </c>
      <c r="I192" s="49" t="s">
        <v>183</v>
      </c>
      <c r="J192" s="13"/>
    </row>
    <row r="193" spans="1:10" x14ac:dyDescent="0.25">
      <c r="A193" s="16" t="s">
        <v>624</v>
      </c>
      <c r="B193" s="48">
        <v>45391</v>
      </c>
      <c r="C193" s="13" t="s">
        <v>128</v>
      </c>
      <c r="D193" s="13" t="s">
        <v>129</v>
      </c>
      <c r="E193" s="18">
        <v>35954612</v>
      </c>
      <c r="F193" s="13" t="s">
        <v>625</v>
      </c>
      <c r="G193" s="119">
        <v>17950</v>
      </c>
      <c r="H193" s="120">
        <v>21540</v>
      </c>
      <c r="I193" s="49" t="s">
        <v>617</v>
      </c>
      <c r="J193" s="13"/>
    </row>
    <row r="194" spans="1:10" x14ac:dyDescent="0.25">
      <c r="A194" s="16" t="s">
        <v>626</v>
      </c>
      <c r="B194" s="48">
        <v>45391</v>
      </c>
      <c r="C194" s="13" t="s">
        <v>128</v>
      </c>
      <c r="D194" s="13" t="s">
        <v>129</v>
      </c>
      <c r="E194" s="18">
        <v>35954612</v>
      </c>
      <c r="F194" s="13" t="s">
        <v>627</v>
      </c>
      <c r="G194" s="119">
        <v>24800</v>
      </c>
      <c r="H194" s="120">
        <v>29760</v>
      </c>
      <c r="I194" s="49" t="s">
        <v>183</v>
      </c>
      <c r="J194" s="13"/>
    </row>
    <row r="195" spans="1:10" x14ac:dyDescent="0.25">
      <c r="A195" s="16" t="s">
        <v>628</v>
      </c>
      <c r="B195" s="48">
        <v>45391</v>
      </c>
      <c r="C195" s="13" t="s">
        <v>128</v>
      </c>
      <c r="D195" s="13" t="s">
        <v>129</v>
      </c>
      <c r="E195" s="18">
        <v>35954612</v>
      </c>
      <c r="F195" s="13" t="s">
        <v>629</v>
      </c>
      <c r="G195" s="119">
        <v>21420</v>
      </c>
      <c r="H195" s="120">
        <v>25704</v>
      </c>
      <c r="I195" s="49" t="s">
        <v>617</v>
      </c>
      <c r="J195" s="13"/>
    </row>
    <row r="196" spans="1:10" x14ac:dyDescent="0.25">
      <c r="A196" s="16" t="s">
        <v>630</v>
      </c>
      <c r="B196" s="48">
        <v>45391</v>
      </c>
      <c r="C196" s="13" t="s">
        <v>128</v>
      </c>
      <c r="D196" s="13" t="s">
        <v>129</v>
      </c>
      <c r="E196" s="18">
        <v>35954612</v>
      </c>
      <c r="F196" s="13" t="s">
        <v>631</v>
      </c>
      <c r="G196" s="119">
        <v>24800</v>
      </c>
      <c r="H196" s="120">
        <v>29760</v>
      </c>
      <c r="I196" s="49" t="s">
        <v>183</v>
      </c>
      <c r="J196" s="13"/>
    </row>
    <row r="197" spans="1:10" x14ac:dyDescent="0.25">
      <c r="A197" s="16" t="s">
        <v>632</v>
      </c>
      <c r="B197" s="48">
        <v>45391</v>
      </c>
      <c r="C197" s="13" t="s">
        <v>128</v>
      </c>
      <c r="D197" s="13" t="s">
        <v>129</v>
      </c>
      <c r="E197" s="18">
        <v>35954612</v>
      </c>
      <c r="F197" s="13" t="s">
        <v>633</v>
      </c>
      <c r="G197" s="119">
        <v>21120</v>
      </c>
      <c r="H197" s="120">
        <v>25344</v>
      </c>
      <c r="I197" s="49" t="s">
        <v>617</v>
      </c>
      <c r="J197" s="13"/>
    </row>
    <row r="198" spans="1:10" x14ac:dyDescent="0.25">
      <c r="A198" s="16" t="s">
        <v>634</v>
      </c>
      <c r="B198" s="48">
        <v>45391</v>
      </c>
      <c r="C198" s="13" t="s">
        <v>128</v>
      </c>
      <c r="D198" s="13" t="s">
        <v>129</v>
      </c>
      <c r="E198" s="18">
        <v>35954612</v>
      </c>
      <c r="F198" s="13" t="s">
        <v>635</v>
      </c>
      <c r="G198" s="119">
        <v>24800</v>
      </c>
      <c r="H198" s="120">
        <v>29760</v>
      </c>
      <c r="I198" s="49" t="s">
        <v>183</v>
      </c>
      <c r="J198" s="13"/>
    </row>
    <row r="199" spans="1:10" x14ac:dyDescent="0.25">
      <c r="A199" s="16" t="s">
        <v>636</v>
      </c>
      <c r="B199" s="48">
        <v>45391</v>
      </c>
      <c r="C199" s="13" t="s">
        <v>128</v>
      </c>
      <c r="D199" s="13" t="s">
        <v>129</v>
      </c>
      <c r="E199" s="18">
        <v>35954612</v>
      </c>
      <c r="F199" s="13" t="s">
        <v>637</v>
      </c>
      <c r="G199" s="119">
        <v>13370</v>
      </c>
      <c r="H199" s="120">
        <v>16044</v>
      </c>
      <c r="I199" s="49" t="s">
        <v>617</v>
      </c>
      <c r="J199" s="13"/>
    </row>
    <row r="200" spans="1:10" x14ac:dyDescent="0.25">
      <c r="A200" s="16" t="s">
        <v>638</v>
      </c>
      <c r="B200" s="48">
        <v>45391</v>
      </c>
      <c r="C200" s="13" t="s">
        <v>128</v>
      </c>
      <c r="D200" s="13" t="s">
        <v>129</v>
      </c>
      <c r="E200" s="18">
        <v>35954612</v>
      </c>
      <c r="F200" s="13" t="s">
        <v>639</v>
      </c>
      <c r="G200" s="119">
        <v>24800</v>
      </c>
      <c r="H200" s="120">
        <v>29760</v>
      </c>
      <c r="I200" s="49" t="s">
        <v>183</v>
      </c>
      <c r="J200" s="13"/>
    </row>
    <row r="201" spans="1:10" x14ac:dyDescent="0.25">
      <c r="A201" s="16" t="s">
        <v>640</v>
      </c>
      <c r="B201" s="48">
        <v>45391</v>
      </c>
      <c r="C201" s="13" t="s">
        <v>128</v>
      </c>
      <c r="D201" s="13" t="s">
        <v>129</v>
      </c>
      <c r="E201" s="18">
        <v>35954612</v>
      </c>
      <c r="F201" s="13" t="s">
        <v>641</v>
      </c>
      <c r="G201" s="119">
        <v>19400</v>
      </c>
      <c r="H201" s="120">
        <v>23280</v>
      </c>
      <c r="I201" s="49" t="s">
        <v>617</v>
      </c>
      <c r="J201" s="13"/>
    </row>
    <row r="202" spans="1:10" x14ac:dyDescent="0.25">
      <c r="A202" s="16" t="s">
        <v>642</v>
      </c>
      <c r="B202" s="48">
        <v>45391</v>
      </c>
      <c r="C202" s="13" t="s">
        <v>128</v>
      </c>
      <c r="D202" s="13" t="s">
        <v>129</v>
      </c>
      <c r="E202" s="18">
        <v>35954612</v>
      </c>
      <c r="F202" s="13" t="s">
        <v>643</v>
      </c>
      <c r="G202" s="119">
        <v>24800</v>
      </c>
      <c r="H202" s="120">
        <v>29760</v>
      </c>
      <c r="I202" s="49" t="s">
        <v>644</v>
      </c>
      <c r="J202" s="13"/>
    </row>
    <row r="203" spans="1:10" x14ac:dyDescent="0.25">
      <c r="A203" s="16" t="s">
        <v>645</v>
      </c>
      <c r="B203" s="48">
        <v>45391</v>
      </c>
      <c r="C203" s="13" t="s">
        <v>128</v>
      </c>
      <c r="D203" s="13" t="s">
        <v>129</v>
      </c>
      <c r="E203" s="18">
        <v>35954612</v>
      </c>
      <c r="F203" s="13" t="s">
        <v>646</v>
      </c>
      <c r="G203" s="119">
        <v>24800</v>
      </c>
      <c r="H203" s="120">
        <v>29760</v>
      </c>
      <c r="I203" s="49" t="s">
        <v>183</v>
      </c>
      <c r="J203" s="13"/>
    </row>
    <row r="204" spans="1:10" x14ac:dyDescent="0.25">
      <c r="A204" s="16" t="s">
        <v>539</v>
      </c>
      <c r="B204" s="48">
        <v>45386</v>
      </c>
      <c r="C204" s="13" t="s">
        <v>472</v>
      </c>
      <c r="D204" s="13" t="s">
        <v>473</v>
      </c>
      <c r="E204" s="18" t="s">
        <v>474</v>
      </c>
      <c r="F204" s="13" t="s">
        <v>540</v>
      </c>
      <c r="G204" s="119">
        <v>200</v>
      </c>
      <c r="H204" s="120">
        <v>200</v>
      </c>
      <c r="I204" s="49"/>
      <c r="J204" s="13">
        <v>1092024</v>
      </c>
    </row>
    <row r="205" spans="1:10" x14ac:dyDescent="0.25">
      <c r="A205" s="16" t="s">
        <v>541</v>
      </c>
      <c r="B205" s="48">
        <v>45392</v>
      </c>
      <c r="C205" s="13" t="s">
        <v>542</v>
      </c>
      <c r="D205" s="13" t="s">
        <v>543</v>
      </c>
      <c r="E205" s="18" t="s">
        <v>544</v>
      </c>
      <c r="F205" s="13" t="s">
        <v>545</v>
      </c>
      <c r="G205" s="119">
        <v>320</v>
      </c>
      <c r="H205" s="120">
        <v>384</v>
      </c>
      <c r="I205" s="49"/>
      <c r="J205" s="13">
        <v>1132024</v>
      </c>
    </row>
    <row r="206" spans="1:10" x14ac:dyDescent="0.25">
      <c r="A206" s="76" t="s">
        <v>647</v>
      </c>
      <c r="B206" s="77">
        <v>45392</v>
      </c>
      <c r="C206" s="78" t="s">
        <v>128</v>
      </c>
      <c r="D206" s="78" t="s">
        <v>129</v>
      </c>
      <c r="E206" s="79">
        <v>35954612</v>
      </c>
      <c r="F206" s="78" t="s">
        <v>648</v>
      </c>
      <c r="G206" s="131">
        <v>29965.15</v>
      </c>
      <c r="H206" s="132">
        <v>35958.18</v>
      </c>
      <c r="I206" s="80" t="s">
        <v>132</v>
      </c>
      <c r="J206" s="78"/>
    </row>
    <row r="207" spans="1:10" x14ac:dyDescent="0.25">
      <c r="A207" s="76" t="s">
        <v>649</v>
      </c>
      <c r="B207" s="77">
        <v>45392</v>
      </c>
      <c r="C207" s="78" t="s">
        <v>128</v>
      </c>
      <c r="D207" s="78" t="s">
        <v>129</v>
      </c>
      <c r="E207" s="79">
        <v>35954612</v>
      </c>
      <c r="F207" s="78" t="s">
        <v>650</v>
      </c>
      <c r="G207" s="131">
        <v>7764.8</v>
      </c>
      <c r="H207" s="132">
        <v>9317.76</v>
      </c>
      <c r="I207" s="80" t="s">
        <v>183</v>
      </c>
      <c r="J207" s="78"/>
    </row>
    <row r="208" spans="1:10" x14ac:dyDescent="0.25">
      <c r="A208" s="16" t="s">
        <v>546</v>
      </c>
      <c r="B208" s="48">
        <v>45393</v>
      </c>
      <c r="C208" s="13" t="s">
        <v>239</v>
      </c>
      <c r="D208" s="13" t="s">
        <v>240</v>
      </c>
      <c r="E208" s="18">
        <v>36215791</v>
      </c>
      <c r="F208" s="13" t="s">
        <v>547</v>
      </c>
      <c r="G208" s="119">
        <v>3794.42</v>
      </c>
      <c r="H208" s="120">
        <v>4553.3</v>
      </c>
      <c r="I208" s="49" t="s">
        <v>242</v>
      </c>
      <c r="J208" s="13"/>
    </row>
    <row r="209" spans="1:10" x14ac:dyDescent="0.25">
      <c r="A209" s="16" t="s">
        <v>548</v>
      </c>
      <c r="B209" s="48">
        <v>45401</v>
      </c>
      <c r="C209" s="13" t="s">
        <v>429</v>
      </c>
      <c r="D209" s="13" t="s">
        <v>430</v>
      </c>
      <c r="E209" s="18">
        <v>36795135</v>
      </c>
      <c r="F209" s="13" t="s">
        <v>549</v>
      </c>
      <c r="G209" s="119">
        <v>5042.2299999999996</v>
      </c>
      <c r="H209" s="120">
        <v>5065.26</v>
      </c>
      <c r="I209" s="49" t="s">
        <v>97</v>
      </c>
      <c r="J209" s="13"/>
    </row>
    <row r="210" spans="1:10" x14ac:dyDescent="0.25">
      <c r="A210" s="16" t="s">
        <v>550</v>
      </c>
      <c r="B210" s="48">
        <v>45394</v>
      </c>
      <c r="C210" s="13" t="s">
        <v>337</v>
      </c>
      <c r="D210" s="13" t="s">
        <v>118</v>
      </c>
      <c r="E210" s="18">
        <v>36631124</v>
      </c>
      <c r="F210" s="13" t="s">
        <v>551</v>
      </c>
      <c r="G210" s="119">
        <v>40</v>
      </c>
      <c r="H210" s="120">
        <v>48</v>
      </c>
      <c r="I210" s="49" t="s">
        <v>120</v>
      </c>
      <c r="J210" s="13"/>
    </row>
    <row r="211" spans="1:10" x14ac:dyDescent="0.25">
      <c r="A211" s="16" t="s">
        <v>552</v>
      </c>
      <c r="B211" s="48">
        <v>45394</v>
      </c>
      <c r="C211" s="13" t="s">
        <v>223</v>
      </c>
      <c r="D211" s="13" t="s">
        <v>224</v>
      </c>
      <c r="E211" s="18">
        <v>36547654</v>
      </c>
      <c r="F211" s="13" t="s">
        <v>553</v>
      </c>
      <c r="G211" s="119">
        <v>2486</v>
      </c>
      <c r="H211" s="120">
        <v>2983.2</v>
      </c>
      <c r="I211" s="49" t="s">
        <v>226</v>
      </c>
      <c r="J211" s="13">
        <v>352024</v>
      </c>
    </row>
    <row r="212" spans="1:10" x14ac:dyDescent="0.25">
      <c r="A212" s="16" t="s">
        <v>651</v>
      </c>
      <c r="B212" s="23">
        <v>45394</v>
      </c>
      <c r="C212" s="17" t="s">
        <v>652</v>
      </c>
      <c r="D212" s="17" t="s">
        <v>653</v>
      </c>
      <c r="E212" s="24">
        <v>35818565</v>
      </c>
      <c r="F212" s="17" t="s">
        <v>654</v>
      </c>
      <c r="G212" s="110">
        <v>4472.1499999999996</v>
      </c>
      <c r="H212" s="111">
        <v>5366.58</v>
      </c>
      <c r="I212" s="25"/>
      <c r="J212" s="17">
        <v>1032024</v>
      </c>
    </row>
    <row r="213" spans="1:10" x14ac:dyDescent="0.25">
      <c r="A213" s="16" t="s">
        <v>554</v>
      </c>
      <c r="B213" s="48">
        <v>45394</v>
      </c>
      <c r="C213" s="13" t="s">
        <v>555</v>
      </c>
      <c r="D213" s="13" t="s">
        <v>556</v>
      </c>
      <c r="E213" s="18">
        <v>32067691</v>
      </c>
      <c r="F213" s="13" t="s">
        <v>557</v>
      </c>
      <c r="G213" s="119">
        <v>378</v>
      </c>
      <c r="H213" s="120">
        <v>453.6</v>
      </c>
      <c r="I213" s="49"/>
      <c r="J213" s="13"/>
    </row>
    <row r="214" spans="1:10" x14ac:dyDescent="0.25">
      <c r="A214" s="16" t="s">
        <v>558</v>
      </c>
      <c r="B214" s="48">
        <v>45397</v>
      </c>
      <c r="C214" s="13" t="s">
        <v>489</v>
      </c>
      <c r="D214" s="13" t="s">
        <v>490</v>
      </c>
      <c r="E214" s="18">
        <v>35769394</v>
      </c>
      <c r="F214" s="13" t="s">
        <v>559</v>
      </c>
      <c r="G214" s="119">
        <v>-435.29</v>
      </c>
      <c r="H214" s="120">
        <v>-522.35</v>
      </c>
      <c r="I214" s="49" t="s">
        <v>492</v>
      </c>
      <c r="J214" s="13"/>
    </row>
    <row r="215" spans="1:10" x14ac:dyDescent="0.25">
      <c r="A215" s="16" t="s">
        <v>560</v>
      </c>
      <c r="B215" s="48">
        <v>45397</v>
      </c>
      <c r="C215" s="13" t="s">
        <v>561</v>
      </c>
      <c r="D215" s="13" t="s">
        <v>562</v>
      </c>
      <c r="E215" s="18">
        <v>50605399</v>
      </c>
      <c r="F215" s="13" t="s">
        <v>563</v>
      </c>
      <c r="G215" s="119">
        <v>1285.9100000000001</v>
      </c>
      <c r="H215" s="120">
        <v>1285.9100000000001</v>
      </c>
      <c r="I215" s="49"/>
      <c r="J215" s="13">
        <v>1112024</v>
      </c>
    </row>
    <row r="216" spans="1:10" x14ac:dyDescent="0.25">
      <c r="A216" s="16" t="s">
        <v>564</v>
      </c>
      <c r="B216" s="23">
        <v>45397</v>
      </c>
      <c r="C216" s="17" t="s">
        <v>429</v>
      </c>
      <c r="D216" s="17" t="s">
        <v>430</v>
      </c>
      <c r="E216" s="24">
        <v>36795135</v>
      </c>
      <c r="F216" s="17" t="s">
        <v>497</v>
      </c>
      <c r="G216" s="110">
        <v>2142.4</v>
      </c>
      <c r="H216" s="111">
        <v>2570.88</v>
      </c>
      <c r="I216" s="25" t="s">
        <v>97</v>
      </c>
      <c r="J216" s="17"/>
    </row>
    <row r="217" spans="1:10" x14ac:dyDescent="0.25">
      <c r="A217" s="16" t="s">
        <v>565</v>
      </c>
      <c r="B217" s="23">
        <v>45397</v>
      </c>
      <c r="C217" s="17" t="s">
        <v>566</v>
      </c>
      <c r="D217" s="17" t="s">
        <v>567</v>
      </c>
      <c r="E217" s="24">
        <v>46380434</v>
      </c>
      <c r="F217" s="17" t="s">
        <v>568</v>
      </c>
      <c r="G217" s="110">
        <v>537</v>
      </c>
      <c r="H217" s="111">
        <v>644.4</v>
      </c>
      <c r="I217" s="25"/>
      <c r="J217" s="17">
        <v>182024</v>
      </c>
    </row>
    <row r="218" spans="1:10" x14ac:dyDescent="0.25">
      <c r="A218" s="16" t="s">
        <v>655</v>
      </c>
      <c r="B218" s="23">
        <v>45397</v>
      </c>
      <c r="C218" s="17" t="s">
        <v>656</v>
      </c>
      <c r="D218" s="17" t="s">
        <v>657</v>
      </c>
      <c r="E218" s="24">
        <v>35849436</v>
      </c>
      <c r="F218" s="17" t="s">
        <v>658</v>
      </c>
      <c r="G218" s="110">
        <v>751.59</v>
      </c>
      <c r="H218" s="111">
        <v>901.91</v>
      </c>
      <c r="I218" s="25"/>
      <c r="J218" s="17">
        <v>932024</v>
      </c>
    </row>
    <row r="219" spans="1:10" x14ac:dyDescent="0.25">
      <c r="A219" s="50" t="s">
        <v>659</v>
      </c>
      <c r="B219" s="61">
        <v>45397</v>
      </c>
      <c r="C219" s="13" t="s">
        <v>656</v>
      </c>
      <c r="D219" s="13" t="s">
        <v>657</v>
      </c>
      <c r="E219" s="18">
        <v>35849436</v>
      </c>
      <c r="F219" s="13" t="s">
        <v>658</v>
      </c>
      <c r="G219" s="119">
        <v>627.82000000000005</v>
      </c>
      <c r="H219" s="120">
        <v>753.38</v>
      </c>
      <c r="I219" s="49"/>
      <c r="J219" s="13">
        <v>1002024</v>
      </c>
    </row>
    <row r="220" spans="1:10" x14ac:dyDescent="0.25">
      <c r="A220" s="16" t="s">
        <v>660</v>
      </c>
      <c r="B220" s="23">
        <v>45397</v>
      </c>
      <c r="C220" s="81" t="s">
        <v>656</v>
      </c>
      <c r="D220" s="17" t="s">
        <v>657</v>
      </c>
      <c r="E220" s="24">
        <v>35849436</v>
      </c>
      <c r="F220" s="17" t="s">
        <v>658</v>
      </c>
      <c r="G220" s="110">
        <v>627.82000000000005</v>
      </c>
      <c r="H220" s="111">
        <v>753.38</v>
      </c>
      <c r="I220" s="25"/>
      <c r="J220" s="17">
        <v>992024</v>
      </c>
    </row>
    <row r="221" spans="1:10" x14ac:dyDescent="0.25">
      <c r="A221" s="16" t="s">
        <v>661</v>
      </c>
      <c r="B221" s="23">
        <v>45397</v>
      </c>
      <c r="C221" s="17" t="s">
        <v>656</v>
      </c>
      <c r="D221" s="17" t="s">
        <v>657</v>
      </c>
      <c r="E221" s="24">
        <v>35849436</v>
      </c>
      <c r="F221" s="17" t="s">
        <v>658</v>
      </c>
      <c r="G221" s="110">
        <v>627.82000000000005</v>
      </c>
      <c r="H221" s="111">
        <v>753.38</v>
      </c>
      <c r="I221" s="25"/>
      <c r="J221" s="17">
        <v>982024</v>
      </c>
    </row>
    <row r="222" spans="1:10" x14ac:dyDescent="0.25">
      <c r="A222" s="66" t="s">
        <v>662</v>
      </c>
      <c r="B222" s="72">
        <v>45397</v>
      </c>
      <c r="C222" s="73" t="s">
        <v>656</v>
      </c>
      <c r="D222" s="73" t="s">
        <v>657</v>
      </c>
      <c r="E222" s="74">
        <v>35849436</v>
      </c>
      <c r="F222" s="73" t="s">
        <v>658</v>
      </c>
      <c r="G222" s="129">
        <v>627.82000000000005</v>
      </c>
      <c r="H222" s="130">
        <v>753.38</v>
      </c>
      <c r="I222" s="75"/>
      <c r="J222" s="73">
        <v>972024</v>
      </c>
    </row>
    <row r="223" spans="1:10" x14ac:dyDescent="0.25">
      <c r="A223" s="11" t="s">
        <v>663</v>
      </c>
      <c r="B223" s="23">
        <v>45397</v>
      </c>
      <c r="C223" s="17" t="s">
        <v>656</v>
      </c>
      <c r="D223" s="17" t="s">
        <v>657</v>
      </c>
      <c r="E223" s="24">
        <v>35849436</v>
      </c>
      <c r="F223" s="17" t="s">
        <v>658</v>
      </c>
      <c r="G223" s="110">
        <v>627.82000000000005</v>
      </c>
      <c r="H223" s="111">
        <v>753.38</v>
      </c>
      <c r="I223" s="25"/>
      <c r="J223" s="17">
        <v>962024</v>
      </c>
    </row>
    <row r="224" spans="1:10" x14ac:dyDescent="0.25">
      <c r="A224" s="11" t="s">
        <v>664</v>
      </c>
      <c r="B224" s="23">
        <v>45397</v>
      </c>
      <c r="C224" s="17" t="s">
        <v>656</v>
      </c>
      <c r="D224" s="17" t="s">
        <v>657</v>
      </c>
      <c r="E224" s="24">
        <v>35849436</v>
      </c>
      <c r="F224" s="17" t="s">
        <v>658</v>
      </c>
      <c r="G224" s="110">
        <v>627.82000000000005</v>
      </c>
      <c r="H224" s="111">
        <v>753.38</v>
      </c>
      <c r="I224" s="25"/>
      <c r="J224" s="17">
        <v>952024</v>
      </c>
    </row>
    <row r="225" spans="1:10" x14ac:dyDescent="0.25">
      <c r="A225" s="11" t="s">
        <v>665</v>
      </c>
      <c r="B225" s="23">
        <v>45397</v>
      </c>
      <c r="C225" s="17" t="s">
        <v>656</v>
      </c>
      <c r="D225" s="17" t="s">
        <v>657</v>
      </c>
      <c r="E225" s="24">
        <v>35849436</v>
      </c>
      <c r="F225" s="17" t="s">
        <v>658</v>
      </c>
      <c r="G225" s="110">
        <v>627.82000000000005</v>
      </c>
      <c r="H225" s="111">
        <v>753.38</v>
      </c>
      <c r="I225" s="25"/>
      <c r="J225" s="17">
        <v>942024</v>
      </c>
    </row>
    <row r="226" spans="1:10" x14ac:dyDescent="0.25">
      <c r="A226" s="16" t="s">
        <v>569</v>
      </c>
      <c r="B226" s="23">
        <v>45398</v>
      </c>
      <c r="C226" s="17" t="s">
        <v>144</v>
      </c>
      <c r="D226" s="17" t="s">
        <v>315</v>
      </c>
      <c r="E226" s="24">
        <v>52599515</v>
      </c>
      <c r="F226" s="17" t="s">
        <v>570</v>
      </c>
      <c r="G226" s="110">
        <v>1856.7</v>
      </c>
      <c r="H226" s="111">
        <v>2228.0300000000002</v>
      </c>
      <c r="I226" s="25" t="s">
        <v>199</v>
      </c>
      <c r="J226" s="17"/>
    </row>
    <row r="227" spans="1:10" x14ac:dyDescent="0.25">
      <c r="A227" s="16" t="s">
        <v>571</v>
      </c>
      <c r="B227" s="23">
        <v>45398</v>
      </c>
      <c r="C227" s="17" t="s">
        <v>144</v>
      </c>
      <c r="D227" s="17" t="s">
        <v>315</v>
      </c>
      <c r="E227" s="24">
        <v>52599515</v>
      </c>
      <c r="F227" s="17" t="s">
        <v>572</v>
      </c>
      <c r="G227" s="110">
        <v>-55.5</v>
      </c>
      <c r="H227" s="111">
        <v>-55.5</v>
      </c>
      <c r="I227" s="25" t="s">
        <v>199</v>
      </c>
      <c r="J227" s="17"/>
    </row>
    <row r="228" spans="1:10" x14ac:dyDescent="0.25">
      <c r="A228" s="11" t="s">
        <v>666</v>
      </c>
      <c r="B228" s="48">
        <v>45398</v>
      </c>
      <c r="C228" s="68" t="s">
        <v>149</v>
      </c>
      <c r="D228" s="68" t="s">
        <v>231</v>
      </c>
      <c r="E228" s="69">
        <v>35889063</v>
      </c>
      <c r="F228" s="68" t="s">
        <v>667</v>
      </c>
      <c r="G228" s="127">
        <v>17.75</v>
      </c>
      <c r="H228" s="128">
        <v>21.3</v>
      </c>
      <c r="I228" s="70" t="s">
        <v>151</v>
      </c>
      <c r="J228" s="68"/>
    </row>
    <row r="229" spans="1:10" x14ac:dyDescent="0.25">
      <c r="A229" s="16" t="s">
        <v>573</v>
      </c>
      <c r="B229" s="23">
        <v>45379</v>
      </c>
      <c r="C229" s="17" t="s">
        <v>574</v>
      </c>
      <c r="D229" s="17" t="s">
        <v>575</v>
      </c>
      <c r="E229" s="24">
        <v>36687936</v>
      </c>
      <c r="F229" s="17" t="s">
        <v>576</v>
      </c>
      <c r="G229" s="110">
        <v>3545.71</v>
      </c>
      <c r="H229" s="111">
        <v>4254.8500000000004</v>
      </c>
      <c r="I229" s="25" t="s">
        <v>605</v>
      </c>
      <c r="J229" s="17"/>
    </row>
    <row r="230" spans="1:10" x14ac:dyDescent="0.25">
      <c r="A230" s="16" t="s">
        <v>577</v>
      </c>
      <c r="B230" s="23">
        <v>45379</v>
      </c>
      <c r="C230" s="17" t="s">
        <v>574</v>
      </c>
      <c r="D230" s="17" t="s">
        <v>575</v>
      </c>
      <c r="E230" s="24">
        <v>36687936</v>
      </c>
      <c r="F230" s="17" t="s">
        <v>578</v>
      </c>
      <c r="G230" s="110">
        <v>2777.8</v>
      </c>
      <c r="H230" s="111">
        <v>3333.36</v>
      </c>
      <c r="I230" s="25" t="s">
        <v>605</v>
      </c>
      <c r="J230" s="17"/>
    </row>
    <row r="231" spans="1:10" x14ac:dyDescent="0.25">
      <c r="A231" s="16" t="s">
        <v>579</v>
      </c>
      <c r="B231" s="23">
        <v>45379</v>
      </c>
      <c r="C231" s="17" t="s">
        <v>574</v>
      </c>
      <c r="D231" s="17" t="s">
        <v>575</v>
      </c>
      <c r="E231" s="24">
        <v>36687936</v>
      </c>
      <c r="F231" s="17" t="s">
        <v>580</v>
      </c>
      <c r="G231" s="110">
        <v>4386</v>
      </c>
      <c r="H231" s="111">
        <v>5263.2</v>
      </c>
      <c r="I231" s="25" t="s">
        <v>605</v>
      </c>
      <c r="J231" s="17"/>
    </row>
    <row r="232" spans="1:10" x14ac:dyDescent="0.25">
      <c r="A232" s="16" t="s">
        <v>581</v>
      </c>
      <c r="B232" s="23">
        <v>45379</v>
      </c>
      <c r="C232" s="17" t="s">
        <v>574</v>
      </c>
      <c r="D232" s="17" t="s">
        <v>575</v>
      </c>
      <c r="E232" s="24">
        <v>36687936</v>
      </c>
      <c r="F232" s="17" t="s">
        <v>582</v>
      </c>
      <c r="G232" s="110">
        <v>15104.95</v>
      </c>
      <c r="H232" s="111">
        <v>15444.95</v>
      </c>
      <c r="I232" s="25" t="s">
        <v>605</v>
      </c>
      <c r="J232" s="17"/>
    </row>
    <row r="233" spans="1:10" x14ac:dyDescent="0.25">
      <c r="A233" s="16" t="s">
        <v>583</v>
      </c>
      <c r="B233" s="23">
        <v>45379</v>
      </c>
      <c r="C233" s="17" t="s">
        <v>574</v>
      </c>
      <c r="D233" s="17" t="s">
        <v>575</v>
      </c>
      <c r="E233" s="24">
        <v>36687936</v>
      </c>
      <c r="F233" s="17" t="s">
        <v>584</v>
      </c>
      <c r="G233" s="110">
        <v>12319.15</v>
      </c>
      <c r="H233" s="111">
        <v>12615.28</v>
      </c>
      <c r="I233" s="25" t="s">
        <v>605</v>
      </c>
      <c r="J233" s="17"/>
    </row>
    <row r="234" spans="1:10" x14ac:dyDescent="0.25">
      <c r="A234" s="16" t="s">
        <v>585</v>
      </c>
      <c r="B234" s="23">
        <v>45379</v>
      </c>
      <c r="C234" s="17" t="s">
        <v>574</v>
      </c>
      <c r="D234" s="17" t="s">
        <v>575</v>
      </c>
      <c r="E234" s="24">
        <v>36687936</v>
      </c>
      <c r="F234" s="17" t="s">
        <v>586</v>
      </c>
      <c r="G234" s="110">
        <v>2245.61</v>
      </c>
      <c r="H234" s="111">
        <v>2694.73</v>
      </c>
      <c r="I234" s="25" t="s">
        <v>605</v>
      </c>
      <c r="J234" s="17"/>
    </row>
    <row r="235" spans="1:10" x14ac:dyDescent="0.25">
      <c r="A235" s="16" t="s">
        <v>587</v>
      </c>
      <c r="B235" s="23">
        <v>45379</v>
      </c>
      <c r="C235" s="17" t="s">
        <v>574</v>
      </c>
      <c r="D235" s="17" t="s">
        <v>575</v>
      </c>
      <c r="E235" s="24">
        <v>36687936</v>
      </c>
      <c r="F235" s="17" t="s">
        <v>588</v>
      </c>
      <c r="G235" s="110">
        <v>15104.95</v>
      </c>
      <c r="H235" s="111">
        <v>15444.95</v>
      </c>
      <c r="I235" s="25" t="s">
        <v>605</v>
      </c>
      <c r="J235" s="17"/>
    </row>
    <row r="236" spans="1:10" x14ac:dyDescent="0.25">
      <c r="A236" s="16" t="s">
        <v>589</v>
      </c>
      <c r="B236" s="23">
        <v>45379</v>
      </c>
      <c r="C236" s="17" t="s">
        <v>574</v>
      </c>
      <c r="D236" s="17" t="s">
        <v>575</v>
      </c>
      <c r="E236" s="24">
        <v>36687936</v>
      </c>
      <c r="F236" s="17" t="s">
        <v>590</v>
      </c>
      <c r="G236" s="110">
        <v>2777.8</v>
      </c>
      <c r="H236" s="111">
        <v>3333.36</v>
      </c>
      <c r="I236" s="25" t="s">
        <v>605</v>
      </c>
      <c r="J236" s="17"/>
    </row>
    <row r="237" spans="1:10" x14ac:dyDescent="0.25">
      <c r="A237" s="16" t="s">
        <v>591</v>
      </c>
      <c r="B237" s="23">
        <v>45379</v>
      </c>
      <c r="C237" s="17" t="s">
        <v>574</v>
      </c>
      <c r="D237" s="17" t="s">
        <v>575</v>
      </c>
      <c r="E237" s="24">
        <v>36687936</v>
      </c>
      <c r="F237" s="17" t="s">
        <v>592</v>
      </c>
      <c r="G237" s="110">
        <v>4386</v>
      </c>
      <c r="H237" s="111">
        <v>5263.2</v>
      </c>
      <c r="I237" s="25" t="s">
        <v>605</v>
      </c>
      <c r="J237" s="17"/>
    </row>
    <row r="238" spans="1:10" x14ac:dyDescent="0.25">
      <c r="A238" s="71" t="s">
        <v>593</v>
      </c>
      <c r="B238" s="23">
        <v>45400</v>
      </c>
      <c r="C238" s="17" t="s">
        <v>594</v>
      </c>
      <c r="D238" s="17" t="s">
        <v>595</v>
      </c>
      <c r="E238" s="24">
        <v>35706678</v>
      </c>
      <c r="F238" s="17" t="s">
        <v>596</v>
      </c>
      <c r="G238" s="110">
        <v>1135</v>
      </c>
      <c r="H238" s="111">
        <v>1362</v>
      </c>
      <c r="I238" s="25"/>
      <c r="J238" s="17">
        <v>1152024</v>
      </c>
    </row>
    <row r="239" spans="1:10" x14ac:dyDescent="0.25">
      <c r="A239" s="71" t="s">
        <v>668</v>
      </c>
      <c r="B239" s="48">
        <v>45400</v>
      </c>
      <c r="C239" s="13" t="s">
        <v>597</v>
      </c>
      <c r="D239" s="13" t="s">
        <v>598</v>
      </c>
      <c r="E239" s="18">
        <v>47235713</v>
      </c>
      <c r="F239" s="13" t="s">
        <v>669</v>
      </c>
      <c r="G239" s="119">
        <v>14052.87</v>
      </c>
      <c r="H239" s="120">
        <v>14448.59</v>
      </c>
      <c r="I239" s="49" t="s">
        <v>599</v>
      </c>
      <c r="J239" s="13"/>
    </row>
    <row r="240" spans="1:10" x14ac:dyDescent="0.25">
      <c r="A240" s="71" t="s">
        <v>670</v>
      </c>
      <c r="B240" s="23">
        <v>45400</v>
      </c>
      <c r="C240" s="17" t="s">
        <v>597</v>
      </c>
      <c r="D240" s="17" t="s">
        <v>598</v>
      </c>
      <c r="E240" s="24">
        <v>47235713</v>
      </c>
      <c r="F240" s="17" t="s">
        <v>671</v>
      </c>
      <c r="G240" s="110">
        <v>3175.74</v>
      </c>
      <c r="H240" s="111">
        <v>3810.89</v>
      </c>
      <c r="I240" s="25" t="s">
        <v>599</v>
      </c>
      <c r="J240" s="17"/>
    </row>
    <row r="241" spans="1:10" x14ac:dyDescent="0.25">
      <c r="A241" s="71" t="s">
        <v>600</v>
      </c>
      <c r="B241" s="23">
        <v>45400</v>
      </c>
      <c r="C241" s="17" t="s">
        <v>597</v>
      </c>
      <c r="D241" s="17" t="s">
        <v>598</v>
      </c>
      <c r="E241" s="24">
        <v>47235713</v>
      </c>
      <c r="F241" s="17" t="s">
        <v>854</v>
      </c>
      <c r="G241" s="110">
        <v>5791.05</v>
      </c>
      <c r="H241" s="111">
        <v>6949.26</v>
      </c>
      <c r="I241" s="25" t="s">
        <v>599</v>
      </c>
      <c r="J241" s="17"/>
    </row>
    <row r="242" spans="1:10" x14ac:dyDescent="0.25">
      <c r="A242" s="71" t="s">
        <v>672</v>
      </c>
      <c r="B242" s="48">
        <v>45400</v>
      </c>
      <c r="C242" s="13" t="s">
        <v>597</v>
      </c>
      <c r="D242" s="13" t="s">
        <v>598</v>
      </c>
      <c r="E242" s="18">
        <v>47235713</v>
      </c>
      <c r="F242" s="13" t="s">
        <v>673</v>
      </c>
      <c r="G242" s="119">
        <v>186.45</v>
      </c>
      <c r="H242" s="120">
        <v>1118.71</v>
      </c>
      <c r="I242" s="49" t="s">
        <v>599</v>
      </c>
      <c r="J242" s="13"/>
    </row>
    <row r="243" spans="1:10" x14ac:dyDescent="0.25">
      <c r="A243" s="71" t="s">
        <v>601</v>
      </c>
      <c r="B243" s="23">
        <v>45401</v>
      </c>
      <c r="C243" s="17" t="s">
        <v>248</v>
      </c>
      <c r="D243" s="17" t="s">
        <v>249</v>
      </c>
      <c r="E243" s="24">
        <v>46921931</v>
      </c>
      <c r="F243" s="17" t="s">
        <v>602</v>
      </c>
      <c r="G243" s="110">
        <v>23678.89</v>
      </c>
      <c r="H243" s="111">
        <v>25046.63</v>
      </c>
      <c r="I243" s="25" t="s">
        <v>251</v>
      </c>
      <c r="J243" s="17"/>
    </row>
    <row r="244" spans="1:10" ht="30" x14ac:dyDescent="0.25">
      <c r="A244" s="71" t="s">
        <v>674</v>
      </c>
      <c r="B244" s="48">
        <v>45406</v>
      </c>
      <c r="C244" s="13" t="s">
        <v>122</v>
      </c>
      <c r="D244" s="13" t="s">
        <v>123</v>
      </c>
      <c r="E244" s="18">
        <v>36237337</v>
      </c>
      <c r="F244" s="82" t="s">
        <v>675</v>
      </c>
      <c r="G244" s="119">
        <v>282</v>
      </c>
      <c r="H244" s="120">
        <v>338.4</v>
      </c>
      <c r="I244" s="49" t="s">
        <v>167</v>
      </c>
      <c r="J244" s="13"/>
    </row>
    <row r="245" spans="1:10" x14ac:dyDescent="0.25">
      <c r="A245" s="16" t="s">
        <v>603</v>
      </c>
      <c r="B245" s="48">
        <v>45406</v>
      </c>
      <c r="C245" s="13" t="s">
        <v>597</v>
      </c>
      <c r="D245" s="13" t="s">
        <v>598</v>
      </c>
      <c r="E245" s="18">
        <v>47235713</v>
      </c>
      <c r="F245" s="13" t="s">
        <v>604</v>
      </c>
      <c r="G245" s="119">
        <v>507.75</v>
      </c>
      <c r="H245" s="120">
        <v>609.29999999999995</v>
      </c>
      <c r="I245" s="49" t="s">
        <v>599</v>
      </c>
      <c r="J245" s="13"/>
    </row>
    <row r="246" spans="1:10" x14ac:dyDescent="0.25">
      <c r="A246" s="16" t="s">
        <v>676</v>
      </c>
      <c r="B246" s="23">
        <v>45407</v>
      </c>
      <c r="C246" s="17" t="s">
        <v>677</v>
      </c>
      <c r="D246" s="17" t="s">
        <v>214</v>
      </c>
      <c r="E246" s="24">
        <v>35890487</v>
      </c>
      <c r="F246" s="17" t="s">
        <v>678</v>
      </c>
      <c r="G246" s="110">
        <v>3211.92</v>
      </c>
      <c r="H246" s="111">
        <v>3854.3</v>
      </c>
      <c r="I246" s="25" t="s">
        <v>679</v>
      </c>
      <c r="J246" s="17"/>
    </row>
    <row r="247" spans="1:10" x14ac:dyDescent="0.25">
      <c r="A247" s="11" t="s">
        <v>680</v>
      </c>
      <c r="B247" s="48">
        <v>45408</v>
      </c>
      <c r="C247" s="13" t="s">
        <v>681</v>
      </c>
      <c r="D247" s="13" t="s">
        <v>682</v>
      </c>
      <c r="E247" s="18">
        <v>60163755</v>
      </c>
      <c r="F247" s="13" t="s">
        <v>683</v>
      </c>
      <c r="G247" s="119" t="s">
        <v>684</v>
      </c>
      <c r="H247" s="120" t="s">
        <v>684</v>
      </c>
      <c r="I247" s="49"/>
      <c r="J247" s="13">
        <v>792024</v>
      </c>
    </row>
    <row r="248" spans="1:10" x14ac:dyDescent="0.25">
      <c r="A248" s="11" t="s">
        <v>685</v>
      </c>
      <c r="B248" s="48">
        <v>45408</v>
      </c>
      <c r="C248" s="13" t="s">
        <v>253</v>
      </c>
      <c r="D248" s="13" t="s">
        <v>254</v>
      </c>
      <c r="E248" s="18">
        <v>35900831</v>
      </c>
      <c r="F248" s="13" t="s">
        <v>686</v>
      </c>
      <c r="G248" s="119">
        <v>156.66999999999999</v>
      </c>
      <c r="H248" s="120">
        <v>188</v>
      </c>
      <c r="I248" s="49"/>
      <c r="J248" s="13">
        <v>522024</v>
      </c>
    </row>
    <row r="249" spans="1:10" x14ac:dyDescent="0.25">
      <c r="A249" s="11" t="s">
        <v>687</v>
      </c>
      <c r="B249" s="48">
        <v>45411</v>
      </c>
      <c r="C249" s="13" t="s">
        <v>122</v>
      </c>
      <c r="D249" s="13" t="s">
        <v>123</v>
      </c>
      <c r="E249" s="18">
        <v>36237337</v>
      </c>
      <c r="F249" s="13" t="s">
        <v>688</v>
      </c>
      <c r="G249" s="119">
        <v>210</v>
      </c>
      <c r="H249" s="120">
        <v>252</v>
      </c>
      <c r="I249" s="49"/>
      <c r="J249" s="13">
        <v>1242024</v>
      </c>
    </row>
    <row r="250" spans="1:10" x14ac:dyDescent="0.25">
      <c r="A250" s="11" t="s">
        <v>689</v>
      </c>
      <c r="B250" s="48">
        <v>45408</v>
      </c>
      <c r="C250" s="13" t="s">
        <v>253</v>
      </c>
      <c r="D250" s="13" t="s">
        <v>254</v>
      </c>
      <c r="E250" s="18">
        <v>35900831</v>
      </c>
      <c r="F250" s="13" t="s">
        <v>686</v>
      </c>
      <c r="G250" s="119">
        <v>78.33</v>
      </c>
      <c r="H250" s="120">
        <v>94</v>
      </c>
      <c r="I250" s="49"/>
      <c r="J250" s="13">
        <v>432024</v>
      </c>
    </row>
    <row r="251" spans="1:10" x14ac:dyDescent="0.25">
      <c r="A251" s="16" t="s">
        <v>690</v>
      </c>
      <c r="B251" s="23">
        <v>45412</v>
      </c>
      <c r="C251" s="17" t="s">
        <v>456</v>
      </c>
      <c r="D251" s="17" t="s">
        <v>457</v>
      </c>
      <c r="E251" s="24">
        <v>50142763</v>
      </c>
      <c r="F251" s="17" t="s">
        <v>691</v>
      </c>
      <c r="G251" s="110">
        <v>1762.5</v>
      </c>
      <c r="H251" s="111">
        <v>2115</v>
      </c>
      <c r="I251" s="25"/>
      <c r="J251" s="17">
        <v>622024</v>
      </c>
    </row>
    <row r="252" spans="1:10" x14ac:dyDescent="0.25">
      <c r="A252" s="16" t="s">
        <v>692</v>
      </c>
      <c r="B252" s="23">
        <v>45412</v>
      </c>
      <c r="C252" s="17" t="s">
        <v>456</v>
      </c>
      <c r="D252" s="17" t="s">
        <v>457</v>
      </c>
      <c r="E252" s="24">
        <v>50142763</v>
      </c>
      <c r="F252" s="17" t="s">
        <v>691</v>
      </c>
      <c r="G252" s="110">
        <v>1762.5</v>
      </c>
      <c r="H252" s="111">
        <v>2115</v>
      </c>
      <c r="I252" s="25"/>
      <c r="J252" s="17">
        <v>662024</v>
      </c>
    </row>
    <row r="253" spans="1:10" x14ac:dyDescent="0.25">
      <c r="A253" s="16" t="s">
        <v>693</v>
      </c>
      <c r="B253" s="23">
        <v>45412</v>
      </c>
      <c r="C253" s="17" t="s">
        <v>456</v>
      </c>
      <c r="D253" s="17" t="s">
        <v>457</v>
      </c>
      <c r="E253" s="24">
        <v>50142763</v>
      </c>
      <c r="F253" s="17" t="s">
        <v>691</v>
      </c>
      <c r="G253" s="110">
        <v>1762.5</v>
      </c>
      <c r="H253" s="111">
        <v>2115</v>
      </c>
      <c r="I253" s="25"/>
      <c r="J253" s="17">
        <v>632024</v>
      </c>
    </row>
    <row r="254" spans="1:10" x14ac:dyDescent="0.25">
      <c r="A254" s="16" t="s">
        <v>694</v>
      </c>
      <c r="B254" s="23">
        <v>45412</v>
      </c>
      <c r="C254" s="17" t="s">
        <v>456</v>
      </c>
      <c r="D254" s="17" t="s">
        <v>457</v>
      </c>
      <c r="E254" s="24">
        <v>50142763</v>
      </c>
      <c r="F254" s="17" t="s">
        <v>691</v>
      </c>
      <c r="G254" s="110">
        <v>1762.5</v>
      </c>
      <c r="H254" s="111">
        <v>2115</v>
      </c>
      <c r="I254" s="25"/>
      <c r="J254" s="17">
        <v>652024</v>
      </c>
    </row>
    <row r="255" spans="1:10" x14ac:dyDescent="0.25">
      <c r="A255" s="16" t="s">
        <v>695</v>
      </c>
      <c r="B255" s="23">
        <v>45412</v>
      </c>
      <c r="C255" s="17" t="s">
        <v>456</v>
      </c>
      <c r="D255" s="17" t="s">
        <v>457</v>
      </c>
      <c r="E255" s="24">
        <v>50142763</v>
      </c>
      <c r="F255" s="17" t="s">
        <v>691</v>
      </c>
      <c r="G255" s="110">
        <v>1762.5</v>
      </c>
      <c r="H255" s="111">
        <v>2115</v>
      </c>
      <c r="I255" s="25"/>
      <c r="J255" s="17">
        <v>642024</v>
      </c>
    </row>
    <row r="256" spans="1:10" x14ac:dyDescent="0.25">
      <c r="A256" s="16" t="s">
        <v>696</v>
      </c>
      <c r="B256" s="23">
        <v>45412</v>
      </c>
      <c r="C256" s="17" t="s">
        <v>697</v>
      </c>
      <c r="D256" s="17" t="s">
        <v>698</v>
      </c>
      <c r="E256" s="24">
        <v>43939899</v>
      </c>
      <c r="F256" s="17" t="s">
        <v>699</v>
      </c>
      <c r="G256" s="110">
        <v>226.35</v>
      </c>
      <c r="H256" s="111">
        <v>271.62</v>
      </c>
      <c r="I256" s="25"/>
      <c r="J256" s="17">
        <v>1292024</v>
      </c>
    </row>
    <row r="257" spans="1:10" x14ac:dyDescent="0.25">
      <c r="A257" s="16" t="s">
        <v>700</v>
      </c>
      <c r="B257" s="23">
        <v>45414</v>
      </c>
      <c r="C257" s="17" t="s">
        <v>701</v>
      </c>
      <c r="D257" s="17" t="s">
        <v>702</v>
      </c>
      <c r="E257" s="24">
        <v>35881674</v>
      </c>
      <c r="F257" s="17" t="s">
        <v>703</v>
      </c>
      <c r="G257" s="110">
        <v>450</v>
      </c>
      <c r="H257" s="111">
        <v>540</v>
      </c>
      <c r="I257" s="25"/>
      <c r="J257" s="17">
        <v>1192024</v>
      </c>
    </row>
    <row r="258" spans="1:10" x14ac:dyDescent="0.25">
      <c r="A258" s="16" t="s">
        <v>704</v>
      </c>
      <c r="B258" s="23">
        <v>45414</v>
      </c>
      <c r="C258" s="17" t="s">
        <v>429</v>
      </c>
      <c r="D258" s="17" t="s">
        <v>430</v>
      </c>
      <c r="E258" s="24">
        <v>36795135</v>
      </c>
      <c r="F258" s="17" t="s">
        <v>705</v>
      </c>
      <c r="G258" s="110">
        <v>6567.6</v>
      </c>
      <c r="H258" s="111">
        <v>6597.6</v>
      </c>
      <c r="I258" s="25" t="s">
        <v>706</v>
      </c>
      <c r="J258" s="17"/>
    </row>
    <row r="259" spans="1:10" x14ac:dyDescent="0.25">
      <c r="A259" s="16" t="s">
        <v>707</v>
      </c>
      <c r="B259" s="23">
        <v>45414</v>
      </c>
      <c r="C259" s="17" t="s">
        <v>429</v>
      </c>
      <c r="D259" s="17" t="s">
        <v>430</v>
      </c>
      <c r="E259" s="24">
        <v>36795135</v>
      </c>
      <c r="F259" s="17" t="s">
        <v>708</v>
      </c>
      <c r="G259" s="110">
        <v>2142.4</v>
      </c>
      <c r="H259" s="111">
        <v>2570.88</v>
      </c>
      <c r="I259" s="25" t="s">
        <v>706</v>
      </c>
      <c r="J259" s="17"/>
    </row>
    <row r="260" spans="1:10" x14ac:dyDescent="0.25">
      <c r="A260" s="16" t="s">
        <v>709</v>
      </c>
      <c r="B260" s="23">
        <v>45414</v>
      </c>
      <c r="C260" s="17" t="s">
        <v>710</v>
      </c>
      <c r="D260" s="17" t="s">
        <v>711</v>
      </c>
      <c r="E260" s="24">
        <v>35790253</v>
      </c>
      <c r="F260" s="17" t="s">
        <v>712</v>
      </c>
      <c r="G260" s="110">
        <v>675</v>
      </c>
      <c r="H260" s="111">
        <v>810</v>
      </c>
      <c r="I260" s="25"/>
      <c r="J260" s="17">
        <v>1212024</v>
      </c>
    </row>
    <row r="261" spans="1:10" x14ac:dyDescent="0.25">
      <c r="A261" s="16" t="s">
        <v>713</v>
      </c>
      <c r="B261" s="23">
        <v>45418</v>
      </c>
      <c r="C261" s="17" t="s">
        <v>243</v>
      </c>
      <c r="D261" s="17" t="s">
        <v>244</v>
      </c>
      <c r="E261" s="24">
        <v>42137004</v>
      </c>
      <c r="F261" s="17" t="s">
        <v>714</v>
      </c>
      <c r="G261" s="110">
        <v>100</v>
      </c>
      <c r="H261" s="111">
        <v>100</v>
      </c>
      <c r="I261" s="25"/>
      <c r="J261" s="17">
        <v>1172024</v>
      </c>
    </row>
    <row r="262" spans="1:10" x14ac:dyDescent="0.25">
      <c r="A262" s="16" t="s">
        <v>715</v>
      </c>
      <c r="B262" s="23">
        <v>45414</v>
      </c>
      <c r="C262" s="17" t="s">
        <v>54</v>
      </c>
      <c r="D262" s="17" t="s">
        <v>55</v>
      </c>
      <c r="E262" s="24">
        <v>36769304</v>
      </c>
      <c r="F262" s="17" t="s">
        <v>716</v>
      </c>
      <c r="G262" s="110">
        <v>395</v>
      </c>
      <c r="H262" s="111">
        <v>474</v>
      </c>
      <c r="I262" s="25" t="s">
        <v>60</v>
      </c>
      <c r="J262" s="17"/>
    </row>
    <row r="263" spans="1:10" x14ac:dyDescent="0.25">
      <c r="A263" s="16" t="s">
        <v>717</v>
      </c>
      <c r="B263" s="23">
        <v>45414</v>
      </c>
      <c r="C263" s="17" t="s">
        <v>54</v>
      </c>
      <c r="D263" s="17" t="s">
        <v>55</v>
      </c>
      <c r="E263" s="24">
        <v>36769304</v>
      </c>
      <c r="F263" s="17" t="s">
        <v>718</v>
      </c>
      <c r="G263" s="110">
        <v>919.34</v>
      </c>
      <c r="H263" s="111">
        <v>1103.21</v>
      </c>
      <c r="I263" s="25" t="s">
        <v>60</v>
      </c>
      <c r="J263" s="17"/>
    </row>
    <row r="264" spans="1:10" x14ac:dyDescent="0.25">
      <c r="A264" s="16" t="s">
        <v>719</v>
      </c>
      <c r="B264" s="23">
        <v>45414</v>
      </c>
      <c r="C264" s="17" t="s">
        <v>62</v>
      </c>
      <c r="D264" s="17" t="s">
        <v>63</v>
      </c>
      <c r="E264" s="24">
        <v>52929230</v>
      </c>
      <c r="F264" s="17" t="s">
        <v>720</v>
      </c>
      <c r="G264" s="110">
        <v>1700</v>
      </c>
      <c r="H264" s="111">
        <v>2040</v>
      </c>
      <c r="I264" s="25" t="s">
        <v>65</v>
      </c>
      <c r="J264" s="17"/>
    </row>
    <row r="265" spans="1:10" x14ac:dyDescent="0.25">
      <c r="A265" s="16" t="s">
        <v>721</v>
      </c>
      <c r="B265" s="23">
        <v>45415</v>
      </c>
      <c r="C265" s="17" t="s">
        <v>574</v>
      </c>
      <c r="D265" s="17" t="s">
        <v>575</v>
      </c>
      <c r="E265" s="24">
        <v>36687936</v>
      </c>
      <c r="F265" s="17" t="s">
        <v>722</v>
      </c>
      <c r="G265" s="110">
        <v>15104.95</v>
      </c>
      <c r="H265" s="111">
        <v>15444.95</v>
      </c>
      <c r="I265" s="25" t="s">
        <v>605</v>
      </c>
      <c r="J265" s="17"/>
    </row>
    <row r="266" spans="1:10" x14ac:dyDescent="0.25">
      <c r="A266" s="16" t="s">
        <v>723</v>
      </c>
      <c r="B266" s="23">
        <v>45415</v>
      </c>
      <c r="C266" s="17" t="s">
        <v>574</v>
      </c>
      <c r="D266" s="17" t="s">
        <v>575</v>
      </c>
      <c r="E266" s="24">
        <v>36687936</v>
      </c>
      <c r="F266" s="17" t="s">
        <v>724</v>
      </c>
      <c r="G266" s="110">
        <v>4386</v>
      </c>
      <c r="H266" s="111">
        <v>5263.2</v>
      </c>
      <c r="I266" s="25" t="s">
        <v>605</v>
      </c>
      <c r="J266" s="17"/>
    </row>
    <row r="267" spans="1:10" x14ac:dyDescent="0.25">
      <c r="A267" s="16" t="s">
        <v>725</v>
      </c>
      <c r="B267" s="23">
        <v>45415</v>
      </c>
      <c r="C267" s="17" t="s">
        <v>574</v>
      </c>
      <c r="D267" s="17" t="s">
        <v>575</v>
      </c>
      <c r="E267" s="24">
        <v>36687936</v>
      </c>
      <c r="F267" s="17" t="s">
        <v>726</v>
      </c>
      <c r="G267" s="110">
        <v>2777.8</v>
      </c>
      <c r="H267" s="111">
        <v>3333.36</v>
      </c>
      <c r="I267" s="25" t="s">
        <v>605</v>
      </c>
      <c r="J267" s="17"/>
    </row>
    <row r="268" spans="1:10" x14ac:dyDescent="0.25">
      <c r="A268" s="16" t="s">
        <v>727</v>
      </c>
      <c r="B268" s="23">
        <v>45415</v>
      </c>
      <c r="C268" s="17" t="s">
        <v>171</v>
      </c>
      <c r="D268" s="17" t="s">
        <v>172</v>
      </c>
      <c r="E268" s="24">
        <v>35872900</v>
      </c>
      <c r="F268" s="17" t="s">
        <v>728</v>
      </c>
      <c r="G268" s="110">
        <v>1500</v>
      </c>
      <c r="H268" s="111">
        <v>1800</v>
      </c>
      <c r="I268" s="83" t="s">
        <v>463</v>
      </c>
      <c r="J268" s="17"/>
    </row>
    <row r="269" spans="1:10" x14ac:dyDescent="0.25">
      <c r="A269" s="16" t="s">
        <v>729</v>
      </c>
      <c r="B269" s="48">
        <v>45415</v>
      </c>
      <c r="C269" s="13" t="s">
        <v>597</v>
      </c>
      <c r="D269" s="13" t="s">
        <v>730</v>
      </c>
      <c r="E269" s="18">
        <v>47235713</v>
      </c>
      <c r="F269" s="13" t="s">
        <v>731</v>
      </c>
      <c r="G269" s="119">
        <v>25625.82</v>
      </c>
      <c r="H269" s="120">
        <v>26347.43</v>
      </c>
      <c r="I269" s="49" t="s">
        <v>599</v>
      </c>
      <c r="J269" s="13"/>
    </row>
    <row r="270" spans="1:10" x14ac:dyDescent="0.25">
      <c r="A270" s="16" t="s">
        <v>732</v>
      </c>
      <c r="B270" s="23">
        <v>45415</v>
      </c>
      <c r="C270" s="17" t="s">
        <v>597</v>
      </c>
      <c r="D270" s="17" t="s">
        <v>730</v>
      </c>
      <c r="E270" s="24">
        <v>47235713</v>
      </c>
      <c r="F270" s="17" t="s">
        <v>733</v>
      </c>
      <c r="G270" s="110">
        <v>1700</v>
      </c>
      <c r="H270" s="111">
        <v>2040</v>
      </c>
      <c r="I270" s="25" t="s">
        <v>599</v>
      </c>
      <c r="J270" s="17"/>
    </row>
    <row r="271" spans="1:10" x14ac:dyDescent="0.25">
      <c r="A271" s="16" t="s">
        <v>734</v>
      </c>
      <c r="B271" s="23">
        <v>45415</v>
      </c>
      <c r="C271" s="17" t="s">
        <v>597</v>
      </c>
      <c r="D271" s="17" t="s">
        <v>730</v>
      </c>
      <c r="E271" s="24">
        <v>47235713</v>
      </c>
      <c r="F271" s="17" t="s">
        <v>735</v>
      </c>
      <c r="G271" s="110">
        <v>5791.05</v>
      </c>
      <c r="H271" s="111">
        <v>6949.26</v>
      </c>
      <c r="I271" s="25" t="s">
        <v>599</v>
      </c>
      <c r="J271" s="17"/>
    </row>
    <row r="272" spans="1:10" x14ac:dyDescent="0.25">
      <c r="A272" s="16" t="s">
        <v>736</v>
      </c>
      <c r="B272" s="48">
        <v>45415</v>
      </c>
      <c r="C272" s="13" t="s">
        <v>597</v>
      </c>
      <c r="D272" s="13" t="s">
        <v>730</v>
      </c>
      <c r="E272" s="18">
        <v>47235713</v>
      </c>
      <c r="F272" s="13" t="s">
        <v>737</v>
      </c>
      <c r="G272" s="119">
        <v>25625.82</v>
      </c>
      <c r="H272" s="120">
        <v>26347.43</v>
      </c>
      <c r="I272" s="49" t="s">
        <v>599</v>
      </c>
      <c r="J272" s="13"/>
    </row>
    <row r="273" spans="1:10" x14ac:dyDescent="0.25">
      <c r="A273" s="16" t="s">
        <v>738</v>
      </c>
      <c r="B273" s="48">
        <v>45415</v>
      </c>
      <c r="C273" s="13" t="s">
        <v>597</v>
      </c>
      <c r="D273" s="13" t="s">
        <v>730</v>
      </c>
      <c r="E273" s="18">
        <v>47235713</v>
      </c>
      <c r="F273" s="13" t="s">
        <v>739</v>
      </c>
      <c r="G273" s="119">
        <v>5791.05</v>
      </c>
      <c r="H273" s="120">
        <v>6949.26</v>
      </c>
      <c r="I273" s="49" t="s">
        <v>599</v>
      </c>
      <c r="J273" s="13"/>
    </row>
    <row r="274" spans="1:10" x14ac:dyDescent="0.25">
      <c r="A274" s="16" t="s">
        <v>740</v>
      </c>
      <c r="B274" s="48">
        <v>45415</v>
      </c>
      <c r="C274" s="13" t="s">
        <v>597</v>
      </c>
      <c r="D274" s="13" t="s">
        <v>730</v>
      </c>
      <c r="E274" s="18">
        <v>47235713</v>
      </c>
      <c r="F274" s="13" t="s">
        <v>741</v>
      </c>
      <c r="G274" s="119">
        <v>1700</v>
      </c>
      <c r="H274" s="120">
        <v>2040</v>
      </c>
      <c r="I274" s="49" t="s">
        <v>599</v>
      </c>
      <c r="J274" s="13"/>
    </row>
    <row r="275" spans="1:10" x14ac:dyDescent="0.25">
      <c r="A275" s="16" t="s">
        <v>742</v>
      </c>
      <c r="B275" s="48">
        <v>45418</v>
      </c>
      <c r="C275" s="13" t="s">
        <v>442</v>
      </c>
      <c r="D275" s="13" t="s">
        <v>315</v>
      </c>
      <c r="E275" s="18">
        <v>53528654</v>
      </c>
      <c r="F275" s="13" t="s">
        <v>453</v>
      </c>
      <c r="G275" s="119">
        <v>2369.25</v>
      </c>
      <c r="H275" s="120">
        <v>2974.59</v>
      </c>
      <c r="I275" s="49" t="s">
        <v>454</v>
      </c>
      <c r="J275" s="13"/>
    </row>
    <row r="276" spans="1:10" x14ac:dyDescent="0.25">
      <c r="A276" s="16" t="s">
        <v>743</v>
      </c>
      <c r="B276" s="23">
        <v>45418</v>
      </c>
      <c r="C276" s="17" t="s">
        <v>373</v>
      </c>
      <c r="D276" s="17" t="s">
        <v>374</v>
      </c>
      <c r="E276" s="24">
        <v>43799485</v>
      </c>
      <c r="F276" s="17" t="s">
        <v>855</v>
      </c>
      <c r="G276" s="110">
        <v>17268.330000000002</v>
      </c>
      <c r="H276" s="111">
        <v>17988.330000000002</v>
      </c>
      <c r="I276" s="25" t="s">
        <v>376</v>
      </c>
      <c r="J276" s="17"/>
    </row>
    <row r="277" spans="1:10" x14ac:dyDescent="0.25">
      <c r="A277" s="16" t="s">
        <v>744</v>
      </c>
      <c r="B277" s="23">
        <v>45418</v>
      </c>
      <c r="C277" s="17" t="s">
        <v>373</v>
      </c>
      <c r="D277" s="17" t="s">
        <v>374</v>
      </c>
      <c r="E277" s="24">
        <v>43799485</v>
      </c>
      <c r="F277" s="17" t="s">
        <v>856</v>
      </c>
      <c r="G277" s="110">
        <v>3000</v>
      </c>
      <c r="H277" s="111">
        <v>3600</v>
      </c>
      <c r="I277" s="25" t="s">
        <v>376</v>
      </c>
      <c r="J277" s="17"/>
    </row>
    <row r="278" spans="1:10" x14ac:dyDescent="0.25">
      <c r="A278" s="16" t="s">
        <v>745</v>
      </c>
      <c r="B278" s="61">
        <v>45418</v>
      </c>
      <c r="C278" s="14" t="s">
        <v>49</v>
      </c>
      <c r="D278" s="13" t="s">
        <v>50</v>
      </c>
      <c r="E278" s="18">
        <v>3964</v>
      </c>
      <c r="F278" s="13" t="s">
        <v>746</v>
      </c>
      <c r="G278" s="125">
        <v>1303.33</v>
      </c>
      <c r="H278" s="126">
        <v>1564</v>
      </c>
      <c r="I278" s="63" t="s">
        <v>230</v>
      </c>
      <c r="J278" s="14"/>
    </row>
    <row r="279" spans="1:10" x14ac:dyDescent="0.25">
      <c r="A279" s="84" t="s">
        <v>747</v>
      </c>
      <c r="B279" s="48">
        <v>45418</v>
      </c>
      <c r="C279" s="13" t="s">
        <v>748</v>
      </c>
      <c r="D279" s="85" t="s">
        <v>193</v>
      </c>
      <c r="E279" s="18">
        <v>33768897</v>
      </c>
      <c r="F279" s="86" t="s">
        <v>194</v>
      </c>
      <c r="G279" s="119">
        <v>4954.88</v>
      </c>
      <c r="H279" s="120">
        <v>5945.86</v>
      </c>
      <c r="I279" s="49" t="s">
        <v>195</v>
      </c>
      <c r="J279" s="13"/>
    </row>
    <row r="280" spans="1:10" x14ac:dyDescent="0.25">
      <c r="A280" s="16" t="s">
        <v>749</v>
      </c>
      <c r="B280" s="87">
        <v>45418</v>
      </c>
      <c r="C280" s="88" t="s">
        <v>67</v>
      </c>
      <c r="D280" s="13" t="s">
        <v>68</v>
      </c>
      <c r="E280" s="18">
        <v>35745274</v>
      </c>
      <c r="F280" s="13" t="s">
        <v>750</v>
      </c>
      <c r="G280" s="133">
        <v>618</v>
      </c>
      <c r="H280" s="134">
        <v>741.6</v>
      </c>
      <c r="I280" s="89" t="s">
        <v>70</v>
      </c>
      <c r="J280" s="13"/>
    </row>
    <row r="281" spans="1:10" x14ac:dyDescent="0.25">
      <c r="A281" s="16" t="s">
        <v>751</v>
      </c>
      <c r="B281" s="48">
        <v>45418</v>
      </c>
      <c r="C281" s="13" t="s">
        <v>188</v>
      </c>
      <c r="D281" s="13" t="s">
        <v>189</v>
      </c>
      <c r="E281" s="18">
        <v>42156424</v>
      </c>
      <c r="F281" s="13" t="s">
        <v>752</v>
      </c>
      <c r="G281" s="119">
        <v>313.60000000000002</v>
      </c>
      <c r="H281" s="120">
        <v>376.32</v>
      </c>
      <c r="I281" s="49"/>
      <c r="J281" s="13" t="s">
        <v>753</v>
      </c>
    </row>
    <row r="282" spans="1:10" x14ac:dyDescent="0.25">
      <c r="A282" s="16" t="s">
        <v>754</v>
      </c>
      <c r="B282" s="48">
        <v>45419</v>
      </c>
      <c r="C282" s="13" t="s">
        <v>701</v>
      </c>
      <c r="D282" s="13" t="s">
        <v>702</v>
      </c>
      <c r="E282" s="18">
        <v>35881674</v>
      </c>
      <c r="F282" s="13" t="s">
        <v>755</v>
      </c>
      <c r="G282" s="119">
        <v>756</v>
      </c>
      <c r="H282" s="120">
        <v>907.2</v>
      </c>
      <c r="I282" s="49"/>
      <c r="J282" s="13">
        <v>1282024</v>
      </c>
    </row>
    <row r="283" spans="1:10" x14ac:dyDescent="0.25">
      <c r="A283" s="16" t="s">
        <v>756</v>
      </c>
      <c r="B283" s="48">
        <v>45421</v>
      </c>
      <c r="C283" s="13" t="s">
        <v>757</v>
      </c>
      <c r="D283" s="13" t="s">
        <v>758</v>
      </c>
      <c r="E283" s="18">
        <v>51471655</v>
      </c>
      <c r="F283" s="13" t="s">
        <v>759</v>
      </c>
      <c r="G283" s="119">
        <v>28450</v>
      </c>
      <c r="H283" s="120">
        <v>34140</v>
      </c>
      <c r="I283" s="49" t="s">
        <v>760</v>
      </c>
      <c r="J283" s="13"/>
    </row>
    <row r="284" spans="1:10" x14ac:dyDescent="0.25">
      <c r="A284" s="16" t="s">
        <v>761</v>
      </c>
      <c r="B284" s="23">
        <v>45419</v>
      </c>
      <c r="C284" s="17" t="s">
        <v>188</v>
      </c>
      <c r="D284" s="17" t="s">
        <v>189</v>
      </c>
      <c r="E284" s="24">
        <v>42156424</v>
      </c>
      <c r="F284" s="17" t="s">
        <v>762</v>
      </c>
      <c r="G284" s="110">
        <v>25.6</v>
      </c>
      <c r="H284" s="111">
        <v>30.72</v>
      </c>
      <c r="I284" s="25"/>
      <c r="J284" s="17">
        <v>1522024</v>
      </c>
    </row>
    <row r="285" spans="1:10" x14ac:dyDescent="0.25">
      <c r="A285" s="71" t="s">
        <v>763</v>
      </c>
      <c r="B285" s="72">
        <v>45422</v>
      </c>
      <c r="C285" s="73" t="s">
        <v>764</v>
      </c>
      <c r="D285" s="73" t="s">
        <v>765</v>
      </c>
      <c r="E285" s="74">
        <v>35722533</v>
      </c>
      <c r="F285" s="73" t="s">
        <v>766</v>
      </c>
      <c r="G285" s="129">
        <v>68500</v>
      </c>
      <c r="H285" s="130">
        <v>82200</v>
      </c>
      <c r="I285" s="75"/>
      <c r="J285" s="73">
        <v>1042024</v>
      </c>
    </row>
    <row r="286" spans="1:10" x14ac:dyDescent="0.25">
      <c r="A286" s="16" t="s">
        <v>767</v>
      </c>
      <c r="B286" s="23">
        <v>45419</v>
      </c>
      <c r="C286" s="17" t="s">
        <v>267</v>
      </c>
      <c r="D286" s="17" t="s">
        <v>268</v>
      </c>
      <c r="E286" s="24">
        <v>35763469</v>
      </c>
      <c r="F286" s="17" t="s">
        <v>768</v>
      </c>
      <c r="G286" s="110">
        <v>5108.9799999999996</v>
      </c>
      <c r="H286" s="111">
        <v>6130.58</v>
      </c>
      <c r="I286" s="25" t="s">
        <v>79</v>
      </c>
      <c r="J286" s="17"/>
    </row>
    <row r="287" spans="1:10" x14ac:dyDescent="0.25">
      <c r="A287" s="71" t="s">
        <v>769</v>
      </c>
      <c r="B287" s="67">
        <v>45425</v>
      </c>
      <c r="C287" s="13" t="s">
        <v>442</v>
      </c>
      <c r="D287" s="68" t="s">
        <v>315</v>
      </c>
      <c r="E287" s="69">
        <v>53528654</v>
      </c>
      <c r="F287" s="68" t="s">
        <v>770</v>
      </c>
      <c r="G287" s="127">
        <v>2690.73</v>
      </c>
      <c r="H287" s="128">
        <v>2690.73</v>
      </c>
      <c r="I287" s="90" t="s">
        <v>94</v>
      </c>
      <c r="J287" s="68"/>
    </row>
    <row r="288" spans="1:10" x14ac:dyDescent="0.25">
      <c r="A288" s="16" t="s">
        <v>771</v>
      </c>
      <c r="B288" s="23">
        <v>45422</v>
      </c>
      <c r="C288" s="17" t="s">
        <v>239</v>
      </c>
      <c r="D288" s="17" t="s">
        <v>240</v>
      </c>
      <c r="E288" s="24">
        <v>36215791</v>
      </c>
      <c r="F288" s="17" t="s">
        <v>772</v>
      </c>
      <c r="G288" s="110">
        <v>3772.94</v>
      </c>
      <c r="H288" s="111">
        <v>4527.53</v>
      </c>
      <c r="I288" s="25" t="s">
        <v>242</v>
      </c>
      <c r="J288" s="17"/>
    </row>
    <row r="289" spans="1:10" x14ac:dyDescent="0.25">
      <c r="A289" s="16" t="s">
        <v>773</v>
      </c>
      <c r="B289" s="23">
        <v>45422</v>
      </c>
      <c r="C289" s="17" t="s">
        <v>217</v>
      </c>
      <c r="D289" s="17" t="s">
        <v>503</v>
      </c>
      <c r="E289" s="24">
        <v>36620009</v>
      </c>
      <c r="F289" s="17" t="s">
        <v>774</v>
      </c>
      <c r="G289" s="110">
        <v>1254.17</v>
      </c>
      <c r="H289" s="111">
        <v>1505</v>
      </c>
      <c r="I289" s="31" t="s">
        <v>220</v>
      </c>
      <c r="J289" s="17"/>
    </row>
    <row r="290" spans="1:10" x14ac:dyDescent="0.25">
      <c r="A290" s="16" t="s">
        <v>775</v>
      </c>
      <c r="B290" s="23">
        <v>45425</v>
      </c>
      <c r="C290" s="17" t="s">
        <v>337</v>
      </c>
      <c r="D290" s="17" t="s">
        <v>118</v>
      </c>
      <c r="E290" s="24">
        <v>36631124</v>
      </c>
      <c r="F290" s="17" t="s">
        <v>776</v>
      </c>
      <c r="G290" s="110">
        <v>5.4119999999999999</v>
      </c>
      <c r="H290" s="111">
        <v>6.5</v>
      </c>
      <c r="I290" s="25" t="s">
        <v>120</v>
      </c>
      <c r="J290" s="17"/>
    </row>
    <row r="291" spans="1:10" x14ac:dyDescent="0.25">
      <c r="A291" s="16" t="s">
        <v>777</v>
      </c>
      <c r="B291" s="48">
        <v>45425</v>
      </c>
      <c r="C291" s="13" t="s">
        <v>405</v>
      </c>
      <c r="D291" s="13" t="s">
        <v>406</v>
      </c>
      <c r="E291" s="18">
        <v>53227514</v>
      </c>
      <c r="F291" s="13" t="s">
        <v>778</v>
      </c>
      <c r="G291" s="119">
        <v>15394</v>
      </c>
      <c r="H291" s="120">
        <v>16594</v>
      </c>
      <c r="I291" s="49" t="s">
        <v>408</v>
      </c>
      <c r="J291" s="13"/>
    </row>
    <row r="292" spans="1:10" x14ac:dyDescent="0.25">
      <c r="A292" s="76" t="s">
        <v>779</v>
      </c>
      <c r="B292" s="77">
        <v>45425</v>
      </c>
      <c r="C292" s="78" t="s">
        <v>128</v>
      </c>
      <c r="D292" s="13" t="s">
        <v>129</v>
      </c>
      <c r="E292" s="18">
        <v>35954612</v>
      </c>
      <c r="F292" s="78" t="s">
        <v>780</v>
      </c>
      <c r="G292" s="131">
        <v>7958</v>
      </c>
      <c r="H292" s="132">
        <v>9549.6</v>
      </c>
      <c r="I292" s="80" t="s">
        <v>183</v>
      </c>
      <c r="J292" s="78"/>
    </row>
    <row r="293" spans="1:10" x14ac:dyDescent="0.25">
      <c r="A293" s="76" t="s">
        <v>781</v>
      </c>
      <c r="B293" s="91">
        <v>45425</v>
      </c>
      <c r="C293" s="92" t="s">
        <v>128</v>
      </c>
      <c r="D293" s="17" t="s">
        <v>129</v>
      </c>
      <c r="E293" s="24">
        <v>35954612</v>
      </c>
      <c r="F293" s="92" t="s">
        <v>782</v>
      </c>
      <c r="G293" s="135">
        <v>30040</v>
      </c>
      <c r="H293" s="136">
        <v>36048</v>
      </c>
      <c r="I293" s="93" t="s">
        <v>132</v>
      </c>
      <c r="J293" s="92"/>
    </row>
    <row r="294" spans="1:10" x14ac:dyDescent="0.25">
      <c r="A294" s="71" t="s">
        <v>783</v>
      </c>
      <c r="B294" s="72">
        <v>45425</v>
      </c>
      <c r="C294" s="73" t="s">
        <v>652</v>
      </c>
      <c r="D294" s="73" t="s">
        <v>653</v>
      </c>
      <c r="E294" s="74">
        <v>35818565</v>
      </c>
      <c r="F294" s="73" t="s">
        <v>654</v>
      </c>
      <c r="G294" s="129">
        <v>896.25</v>
      </c>
      <c r="H294" s="130">
        <v>1075.5</v>
      </c>
      <c r="I294" s="75"/>
      <c r="J294" s="73">
        <v>1252024</v>
      </c>
    </row>
    <row r="295" spans="1:10" x14ac:dyDescent="0.25">
      <c r="A295" s="16" t="s">
        <v>784</v>
      </c>
      <c r="B295" s="48">
        <v>45425</v>
      </c>
      <c r="C295" s="13" t="s">
        <v>785</v>
      </c>
      <c r="D295" s="13" t="s">
        <v>786</v>
      </c>
      <c r="E295" s="18">
        <v>36562939</v>
      </c>
      <c r="F295" s="13" t="s">
        <v>787</v>
      </c>
      <c r="G295" s="119">
        <v>1535.32</v>
      </c>
      <c r="H295" s="120">
        <v>1842.39</v>
      </c>
      <c r="I295" s="49"/>
      <c r="J295" s="13">
        <v>772024</v>
      </c>
    </row>
    <row r="296" spans="1:10" x14ac:dyDescent="0.25">
      <c r="A296" s="71" t="s">
        <v>788</v>
      </c>
      <c r="B296" s="72">
        <v>45425</v>
      </c>
      <c r="C296" s="73" t="s">
        <v>789</v>
      </c>
      <c r="D296" s="73" t="s">
        <v>123</v>
      </c>
      <c r="E296" s="74">
        <v>35840005</v>
      </c>
      <c r="F296" s="73" t="s">
        <v>790</v>
      </c>
      <c r="G296" s="129">
        <v>65</v>
      </c>
      <c r="H296" s="130">
        <v>78</v>
      </c>
      <c r="I296" s="75"/>
      <c r="J296" s="73"/>
    </row>
    <row r="297" spans="1:10" x14ac:dyDescent="0.25">
      <c r="A297" s="71" t="s">
        <v>791</v>
      </c>
      <c r="B297" s="72">
        <v>45425</v>
      </c>
      <c r="C297" s="73" t="s">
        <v>468</v>
      </c>
      <c r="D297" s="73" t="s">
        <v>469</v>
      </c>
      <c r="E297" s="74">
        <v>32627211</v>
      </c>
      <c r="F297" s="73" t="s">
        <v>792</v>
      </c>
      <c r="G297" s="129">
        <v>2955.37</v>
      </c>
      <c r="H297" s="130">
        <v>3546.44</v>
      </c>
      <c r="I297" s="75"/>
      <c r="J297" s="73">
        <v>1122024</v>
      </c>
    </row>
    <row r="298" spans="1:10" x14ac:dyDescent="0.25">
      <c r="A298" s="71" t="s">
        <v>793</v>
      </c>
      <c r="B298" s="72">
        <v>45425</v>
      </c>
      <c r="C298" s="73" t="s">
        <v>468</v>
      </c>
      <c r="D298" s="17" t="s">
        <v>469</v>
      </c>
      <c r="E298" s="24">
        <v>32627211</v>
      </c>
      <c r="F298" s="73" t="s">
        <v>792</v>
      </c>
      <c r="G298" s="129">
        <v>2955.37</v>
      </c>
      <c r="H298" s="130">
        <v>3546.44</v>
      </c>
      <c r="I298" s="75"/>
      <c r="J298" s="73">
        <v>1122024</v>
      </c>
    </row>
    <row r="299" spans="1:10" x14ac:dyDescent="0.25">
      <c r="A299" s="71" t="s">
        <v>794</v>
      </c>
      <c r="B299" s="72">
        <v>45425</v>
      </c>
      <c r="C299" s="73" t="s">
        <v>468</v>
      </c>
      <c r="D299" s="17" t="s">
        <v>469</v>
      </c>
      <c r="E299" s="24">
        <v>32627211</v>
      </c>
      <c r="F299" s="73" t="s">
        <v>792</v>
      </c>
      <c r="G299" s="129">
        <v>2955.37</v>
      </c>
      <c r="H299" s="130">
        <v>3546.44</v>
      </c>
      <c r="I299" s="75"/>
      <c r="J299" s="73">
        <v>1122024</v>
      </c>
    </row>
    <row r="300" spans="1:10" x14ac:dyDescent="0.25">
      <c r="A300" s="71" t="s">
        <v>795</v>
      </c>
      <c r="B300" s="72">
        <v>45425</v>
      </c>
      <c r="C300" s="73" t="s">
        <v>468</v>
      </c>
      <c r="D300" s="17" t="s">
        <v>469</v>
      </c>
      <c r="E300" s="24">
        <v>32627211</v>
      </c>
      <c r="F300" s="73" t="s">
        <v>792</v>
      </c>
      <c r="G300" s="129">
        <v>2955.37</v>
      </c>
      <c r="H300" s="130">
        <v>3546.44</v>
      </c>
      <c r="I300" s="75"/>
      <c r="J300" s="73">
        <v>1122024</v>
      </c>
    </row>
    <row r="301" spans="1:10" x14ac:dyDescent="0.25">
      <c r="A301" s="71" t="s">
        <v>796</v>
      </c>
      <c r="B301" s="72">
        <v>45425</v>
      </c>
      <c r="C301" s="73" t="s">
        <v>468</v>
      </c>
      <c r="D301" s="17" t="s">
        <v>469</v>
      </c>
      <c r="E301" s="24">
        <v>32627211</v>
      </c>
      <c r="F301" s="73" t="s">
        <v>792</v>
      </c>
      <c r="G301" s="129">
        <v>2955.37</v>
      </c>
      <c r="H301" s="130">
        <v>3546.44</v>
      </c>
      <c r="I301" s="75"/>
      <c r="J301" s="73">
        <v>1122024</v>
      </c>
    </row>
    <row r="302" spans="1:10" x14ac:dyDescent="0.25">
      <c r="A302" s="71" t="s">
        <v>797</v>
      </c>
      <c r="B302" s="72">
        <v>45425</v>
      </c>
      <c r="C302" s="73" t="s">
        <v>468</v>
      </c>
      <c r="D302" s="17" t="s">
        <v>469</v>
      </c>
      <c r="E302" s="24">
        <v>32627211</v>
      </c>
      <c r="F302" s="73" t="s">
        <v>792</v>
      </c>
      <c r="G302" s="129">
        <v>2955.37</v>
      </c>
      <c r="H302" s="130">
        <v>3546.44</v>
      </c>
      <c r="I302" s="75"/>
      <c r="J302" s="73">
        <v>1122024</v>
      </c>
    </row>
    <row r="303" spans="1:10" x14ac:dyDescent="0.25">
      <c r="A303" s="71" t="s">
        <v>798</v>
      </c>
      <c r="B303" s="67">
        <v>45425</v>
      </c>
      <c r="C303" s="68" t="s">
        <v>468</v>
      </c>
      <c r="D303" s="13" t="s">
        <v>469</v>
      </c>
      <c r="E303" s="18">
        <v>32627211</v>
      </c>
      <c r="F303" s="68" t="s">
        <v>792</v>
      </c>
      <c r="G303" s="127">
        <v>2955.37</v>
      </c>
      <c r="H303" s="128">
        <v>3546.44</v>
      </c>
      <c r="I303" s="70"/>
      <c r="J303" s="68">
        <v>1122024</v>
      </c>
    </row>
    <row r="304" spans="1:10" x14ac:dyDescent="0.25">
      <c r="A304" s="16" t="s">
        <v>799</v>
      </c>
      <c r="B304" s="23">
        <v>45425</v>
      </c>
      <c r="C304" s="17" t="s">
        <v>223</v>
      </c>
      <c r="D304" s="17" t="s">
        <v>224</v>
      </c>
      <c r="E304" s="24">
        <v>36547654</v>
      </c>
      <c r="F304" s="17" t="s">
        <v>800</v>
      </c>
      <c r="G304" s="110">
        <v>5620.05</v>
      </c>
      <c r="H304" s="111">
        <v>6744.06</v>
      </c>
      <c r="I304" s="25" t="s">
        <v>226</v>
      </c>
      <c r="J304" s="17">
        <v>362024</v>
      </c>
    </row>
    <row r="305" spans="1:10" x14ac:dyDescent="0.25">
      <c r="A305" s="16" t="s">
        <v>801</v>
      </c>
      <c r="B305" s="23">
        <v>45425</v>
      </c>
      <c r="C305" s="17" t="s">
        <v>337</v>
      </c>
      <c r="D305" s="17" t="s">
        <v>118</v>
      </c>
      <c r="E305" s="24">
        <v>36631124</v>
      </c>
      <c r="F305" s="17" t="s">
        <v>802</v>
      </c>
      <c r="G305" s="110">
        <v>148.25</v>
      </c>
      <c r="H305" s="111">
        <v>148.25</v>
      </c>
      <c r="I305" s="25" t="s">
        <v>120</v>
      </c>
      <c r="J305" s="17"/>
    </row>
    <row r="306" spans="1:10" x14ac:dyDescent="0.25">
      <c r="A306" s="71" t="s">
        <v>803</v>
      </c>
      <c r="B306" s="72">
        <v>45426</v>
      </c>
      <c r="C306" s="73" t="s">
        <v>337</v>
      </c>
      <c r="D306" s="73" t="s">
        <v>118</v>
      </c>
      <c r="E306" s="74">
        <v>36631124</v>
      </c>
      <c r="F306" s="73" t="s">
        <v>804</v>
      </c>
      <c r="G306" s="129">
        <v>454.05</v>
      </c>
      <c r="H306" s="130">
        <v>454.05</v>
      </c>
      <c r="I306" s="75" t="s">
        <v>120</v>
      </c>
      <c r="J306" s="73"/>
    </row>
    <row r="307" spans="1:10" x14ac:dyDescent="0.25">
      <c r="A307" s="16" t="s">
        <v>805</v>
      </c>
      <c r="B307" s="72">
        <v>45426</v>
      </c>
      <c r="C307" s="17" t="s">
        <v>337</v>
      </c>
      <c r="D307" s="17" t="s">
        <v>118</v>
      </c>
      <c r="E307" s="24">
        <v>36631124</v>
      </c>
      <c r="F307" s="17" t="s">
        <v>806</v>
      </c>
      <c r="G307" s="110">
        <v>758.3</v>
      </c>
      <c r="H307" s="111">
        <v>758.3</v>
      </c>
      <c r="I307" s="25" t="s">
        <v>120</v>
      </c>
      <c r="J307" s="17"/>
    </row>
    <row r="308" spans="1:10" x14ac:dyDescent="0.25">
      <c r="A308" s="16" t="s">
        <v>807</v>
      </c>
      <c r="B308" s="72">
        <v>45426</v>
      </c>
      <c r="C308" s="17" t="s">
        <v>337</v>
      </c>
      <c r="D308" s="17" t="s">
        <v>118</v>
      </c>
      <c r="E308" s="24">
        <v>36631124</v>
      </c>
      <c r="F308" s="17" t="s">
        <v>808</v>
      </c>
      <c r="G308" s="110">
        <v>217.5</v>
      </c>
      <c r="H308" s="111">
        <v>217.5</v>
      </c>
      <c r="I308" s="25" t="s">
        <v>120</v>
      </c>
      <c r="J308" s="17"/>
    </row>
    <row r="309" spans="1:10" x14ac:dyDescent="0.25">
      <c r="A309" s="16" t="s">
        <v>809</v>
      </c>
      <c r="B309" s="72">
        <v>45426</v>
      </c>
      <c r="C309" s="17" t="s">
        <v>337</v>
      </c>
      <c r="D309" s="17" t="s">
        <v>118</v>
      </c>
      <c r="E309" s="24">
        <v>36631124</v>
      </c>
      <c r="F309" s="17" t="s">
        <v>810</v>
      </c>
      <c r="G309" s="110">
        <v>1527.1</v>
      </c>
      <c r="H309" s="111">
        <v>1527.1</v>
      </c>
      <c r="I309" s="25" t="s">
        <v>120</v>
      </c>
      <c r="J309" s="17"/>
    </row>
    <row r="310" spans="1:10" x14ac:dyDescent="0.25">
      <c r="A310" s="16" t="s">
        <v>811</v>
      </c>
      <c r="B310" s="72">
        <v>45427</v>
      </c>
      <c r="C310" s="17" t="s">
        <v>337</v>
      </c>
      <c r="D310" s="17" t="s">
        <v>118</v>
      </c>
      <c r="E310" s="24">
        <v>36631124</v>
      </c>
      <c r="F310" s="17" t="s">
        <v>812</v>
      </c>
      <c r="G310" s="110">
        <v>680.15</v>
      </c>
      <c r="H310" s="111">
        <v>680.15</v>
      </c>
      <c r="I310" s="25" t="s">
        <v>120</v>
      </c>
      <c r="J310" s="17"/>
    </row>
    <row r="311" spans="1:10" x14ac:dyDescent="0.25">
      <c r="A311" s="16" t="s">
        <v>813</v>
      </c>
      <c r="B311" s="23">
        <v>45426</v>
      </c>
      <c r="C311" s="17" t="s">
        <v>188</v>
      </c>
      <c r="D311" s="17" t="s">
        <v>189</v>
      </c>
      <c r="E311" s="24">
        <v>42156424</v>
      </c>
      <c r="F311" s="17" t="s">
        <v>814</v>
      </c>
      <c r="G311" s="110">
        <v>169.6</v>
      </c>
      <c r="H311" s="111">
        <v>203.52</v>
      </c>
      <c r="I311" s="25"/>
      <c r="J311" s="17">
        <v>1382024</v>
      </c>
    </row>
    <row r="312" spans="1:10" x14ac:dyDescent="0.25">
      <c r="A312" s="16" t="s">
        <v>815</v>
      </c>
      <c r="B312" s="23">
        <v>45427</v>
      </c>
      <c r="C312" s="17" t="s">
        <v>530</v>
      </c>
      <c r="D312" s="17" t="s">
        <v>531</v>
      </c>
      <c r="E312" s="24">
        <v>47139200</v>
      </c>
      <c r="F312" s="17" t="s">
        <v>816</v>
      </c>
      <c r="G312" s="110">
        <v>100</v>
      </c>
      <c r="H312" s="111">
        <v>120</v>
      </c>
      <c r="I312" s="25"/>
      <c r="J312" s="17">
        <v>1442024</v>
      </c>
    </row>
    <row r="313" spans="1:10" x14ac:dyDescent="0.25">
      <c r="A313" s="16" t="s">
        <v>817</v>
      </c>
      <c r="B313" s="23">
        <v>45427</v>
      </c>
      <c r="C313" s="17" t="s">
        <v>710</v>
      </c>
      <c r="D313" s="17" t="s">
        <v>818</v>
      </c>
      <c r="E313" s="24">
        <v>35790253</v>
      </c>
      <c r="F313" s="17" t="s">
        <v>819</v>
      </c>
      <c r="G313" s="110">
        <v>477</v>
      </c>
      <c r="H313" s="111">
        <v>572.4</v>
      </c>
      <c r="I313" s="25"/>
      <c r="J313" s="17">
        <v>1062024</v>
      </c>
    </row>
    <row r="314" spans="1:10" x14ac:dyDescent="0.25">
      <c r="A314" s="16" t="s">
        <v>820</v>
      </c>
      <c r="B314" s="23">
        <v>45427</v>
      </c>
      <c r="C314" s="17" t="s">
        <v>821</v>
      </c>
      <c r="D314" s="17" t="s">
        <v>822</v>
      </c>
      <c r="E314" s="24">
        <v>54669464</v>
      </c>
      <c r="F314" s="17" t="s">
        <v>823</v>
      </c>
      <c r="G314" s="110">
        <v>76.400000000000006</v>
      </c>
      <c r="H314" s="111">
        <v>91.68</v>
      </c>
      <c r="I314" s="25"/>
      <c r="J314" s="17">
        <v>1062024</v>
      </c>
    </row>
    <row r="315" spans="1:10" x14ac:dyDescent="0.25">
      <c r="A315" s="16" t="s">
        <v>824</v>
      </c>
      <c r="B315" s="23">
        <v>45427</v>
      </c>
      <c r="C315" s="17" t="s">
        <v>677</v>
      </c>
      <c r="D315" s="17" t="s">
        <v>214</v>
      </c>
      <c r="E315" s="24">
        <v>35890487</v>
      </c>
      <c r="F315" s="17" t="s">
        <v>678</v>
      </c>
      <c r="G315" s="110">
        <v>3568.8</v>
      </c>
      <c r="H315" s="111">
        <v>4282.5600000000004</v>
      </c>
      <c r="I315" s="25" t="s">
        <v>679</v>
      </c>
      <c r="J315" s="17"/>
    </row>
    <row r="316" spans="1:10" x14ac:dyDescent="0.25">
      <c r="A316" s="16" t="s">
        <v>857</v>
      </c>
      <c r="B316" s="23">
        <v>45441</v>
      </c>
      <c r="C316" s="17" t="s">
        <v>858</v>
      </c>
      <c r="D316" s="17" t="s">
        <v>859</v>
      </c>
      <c r="E316" s="24">
        <v>31560270</v>
      </c>
      <c r="F316" s="17" t="s">
        <v>860</v>
      </c>
      <c r="G316" s="110">
        <v>70.42</v>
      </c>
      <c r="H316" s="111">
        <v>84.5</v>
      </c>
      <c r="I316" s="25" t="s">
        <v>861</v>
      </c>
      <c r="J316" s="17"/>
    </row>
    <row r="317" spans="1:10" x14ac:dyDescent="0.25">
      <c r="A317" s="16" t="s">
        <v>825</v>
      </c>
      <c r="B317" s="23">
        <v>45427</v>
      </c>
      <c r="C317" s="17" t="s">
        <v>113</v>
      </c>
      <c r="D317" s="17" t="s">
        <v>114</v>
      </c>
      <c r="E317" s="24">
        <v>36250481</v>
      </c>
      <c r="F317" s="17" t="s">
        <v>276</v>
      </c>
      <c r="G317" s="110">
        <v>31717.5</v>
      </c>
      <c r="H317" s="111">
        <v>38061</v>
      </c>
      <c r="I317" s="25" t="s">
        <v>116</v>
      </c>
      <c r="J317" s="94" t="s">
        <v>826</v>
      </c>
    </row>
    <row r="318" spans="1:10" x14ac:dyDescent="0.25">
      <c r="A318" s="16" t="s">
        <v>827</v>
      </c>
      <c r="B318" s="23">
        <v>45427</v>
      </c>
      <c r="C318" s="17" t="s">
        <v>144</v>
      </c>
      <c r="D318" s="17" t="s">
        <v>315</v>
      </c>
      <c r="E318" s="24">
        <v>52599515</v>
      </c>
      <c r="F318" s="17" t="s">
        <v>828</v>
      </c>
      <c r="G318" s="110">
        <v>1874.44</v>
      </c>
      <c r="H318" s="111">
        <v>2249.3200000000002</v>
      </c>
      <c r="I318" s="95" t="s">
        <v>199</v>
      </c>
      <c r="J318" s="17"/>
    </row>
    <row r="319" spans="1:10" x14ac:dyDescent="0.25">
      <c r="A319" s="16" t="s">
        <v>829</v>
      </c>
      <c r="B319" s="23">
        <v>45427</v>
      </c>
      <c r="C319" s="17" t="s">
        <v>149</v>
      </c>
      <c r="D319" s="17" t="s">
        <v>315</v>
      </c>
      <c r="E319" s="24">
        <v>35889063</v>
      </c>
      <c r="F319" s="17" t="s">
        <v>830</v>
      </c>
      <c r="G319" s="110">
        <v>20.36</v>
      </c>
      <c r="H319" s="111">
        <v>24.43</v>
      </c>
      <c r="I319" s="95" t="s">
        <v>831</v>
      </c>
      <c r="J319" s="17"/>
    </row>
    <row r="320" spans="1:10" x14ac:dyDescent="0.25">
      <c r="A320" s="16" t="s">
        <v>832</v>
      </c>
      <c r="B320" s="23">
        <v>45427</v>
      </c>
      <c r="C320" s="17" t="s">
        <v>149</v>
      </c>
      <c r="D320" s="17" t="s">
        <v>315</v>
      </c>
      <c r="E320" s="24">
        <v>35889063</v>
      </c>
      <c r="F320" s="17" t="s">
        <v>833</v>
      </c>
      <c r="G320" s="110">
        <v>100</v>
      </c>
      <c r="H320" s="111">
        <v>100</v>
      </c>
      <c r="I320" s="95" t="s">
        <v>831</v>
      </c>
      <c r="J320" s="17"/>
    </row>
    <row r="321" spans="1:10" x14ac:dyDescent="0.25">
      <c r="A321" s="16" t="s">
        <v>834</v>
      </c>
      <c r="B321" s="23">
        <v>45427</v>
      </c>
      <c r="C321" s="17" t="s">
        <v>149</v>
      </c>
      <c r="D321" s="17" t="s">
        <v>315</v>
      </c>
      <c r="E321" s="24">
        <v>35889063</v>
      </c>
      <c r="F321" s="17" t="s">
        <v>835</v>
      </c>
      <c r="G321" s="110">
        <v>46.67</v>
      </c>
      <c r="H321" s="111">
        <v>46.67</v>
      </c>
      <c r="I321" s="95" t="s">
        <v>831</v>
      </c>
      <c r="J321" s="17"/>
    </row>
    <row r="322" spans="1:10" x14ac:dyDescent="0.25">
      <c r="A322" s="16" t="s">
        <v>836</v>
      </c>
      <c r="B322" s="23">
        <v>45427</v>
      </c>
      <c r="C322" s="17" t="s">
        <v>149</v>
      </c>
      <c r="D322" s="17" t="s">
        <v>315</v>
      </c>
      <c r="E322" s="24">
        <v>35889063</v>
      </c>
      <c r="F322" s="17" t="s">
        <v>837</v>
      </c>
      <c r="G322" s="110">
        <v>100</v>
      </c>
      <c r="H322" s="111">
        <v>100</v>
      </c>
      <c r="I322" s="95" t="s">
        <v>831</v>
      </c>
      <c r="J322" s="17"/>
    </row>
    <row r="323" spans="1:10" x14ac:dyDescent="0.25">
      <c r="A323" s="16" t="s">
        <v>838</v>
      </c>
      <c r="B323" s="23">
        <v>45427</v>
      </c>
      <c r="C323" s="17" t="s">
        <v>149</v>
      </c>
      <c r="D323" s="17" t="s">
        <v>315</v>
      </c>
      <c r="E323" s="24">
        <v>35889063</v>
      </c>
      <c r="F323" s="17" t="s">
        <v>839</v>
      </c>
      <c r="G323" s="110">
        <v>53.33</v>
      </c>
      <c r="H323" s="111">
        <v>53.33</v>
      </c>
      <c r="I323" s="95" t="s">
        <v>831</v>
      </c>
      <c r="J323" s="17"/>
    </row>
    <row r="324" spans="1:10" x14ac:dyDescent="0.25">
      <c r="A324" s="16" t="s">
        <v>840</v>
      </c>
      <c r="B324" s="48">
        <v>45429</v>
      </c>
      <c r="C324" s="13" t="s">
        <v>128</v>
      </c>
      <c r="D324" s="13" t="s">
        <v>129</v>
      </c>
      <c r="E324" s="18">
        <v>35954612</v>
      </c>
      <c r="F324" s="13" t="s">
        <v>841</v>
      </c>
      <c r="G324" s="119">
        <v>10150</v>
      </c>
      <c r="H324" s="120">
        <v>12180</v>
      </c>
      <c r="I324" s="49" t="s">
        <v>617</v>
      </c>
      <c r="J324" s="13"/>
    </row>
    <row r="325" spans="1:10" x14ac:dyDescent="0.25">
      <c r="A325" s="55" t="s">
        <v>842</v>
      </c>
      <c r="B325" s="87">
        <v>45429</v>
      </c>
      <c r="C325" s="88" t="s">
        <v>128</v>
      </c>
      <c r="D325" s="88" t="s">
        <v>129</v>
      </c>
      <c r="E325" s="96">
        <v>35954612</v>
      </c>
      <c r="F325" s="88" t="s">
        <v>623</v>
      </c>
      <c r="G325" s="133">
        <v>1180</v>
      </c>
      <c r="H325" s="134">
        <v>1416</v>
      </c>
      <c r="I325" s="89" t="s">
        <v>183</v>
      </c>
      <c r="J325" s="88"/>
    </row>
    <row r="326" spans="1:10" x14ac:dyDescent="0.25">
      <c r="A326" s="76" t="s">
        <v>862</v>
      </c>
      <c r="B326" s="48">
        <v>45429</v>
      </c>
      <c r="C326" s="13" t="s">
        <v>128</v>
      </c>
      <c r="D326" s="13" t="s">
        <v>129</v>
      </c>
      <c r="E326" s="18">
        <v>35954612</v>
      </c>
      <c r="F326" s="13" t="s">
        <v>629</v>
      </c>
      <c r="G326" s="119">
        <v>6850</v>
      </c>
      <c r="H326" s="120">
        <v>8220</v>
      </c>
      <c r="I326" s="49" t="s">
        <v>617</v>
      </c>
      <c r="J326" s="13"/>
    </row>
    <row r="327" spans="1:10" x14ac:dyDescent="0.25">
      <c r="A327" s="76" t="s">
        <v>843</v>
      </c>
      <c r="B327" s="23">
        <v>45429</v>
      </c>
      <c r="C327" s="17" t="s">
        <v>128</v>
      </c>
      <c r="D327" s="17" t="s">
        <v>129</v>
      </c>
      <c r="E327" s="24">
        <v>35954612</v>
      </c>
      <c r="F327" s="17" t="s">
        <v>631</v>
      </c>
      <c r="G327" s="110">
        <v>1180</v>
      </c>
      <c r="H327" s="111">
        <v>1416</v>
      </c>
      <c r="I327" s="25" t="s">
        <v>183</v>
      </c>
      <c r="J327" s="17"/>
    </row>
    <row r="328" spans="1:10" x14ac:dyDescent="0.25">
      <c r="A328" s="76" t="s">
        <v>863</v>
      </c>
      <c r="B328" s="48">
        <v>45429</v>
      </c>
      <c r="C328" s="13" t="s">
        <v>128</v>
      </c>
      <c r="D328" s="13" t="s">
        <v>129</v>
      </c>
      <c r="E328" s="18">
        <v>35954612</v>
      </c>
      <c r="F328" s="13" t="s">
        <v>637</v>
      </c>
      <c r="G328" s="119">
        <v>5170</v>
      </c>
      <c r="H328" s="120">
        <v>6204</v>
      </c>
      <c r="I328" s="49" t="s">
        <v>617</v>
      </c>
      <c r="J328" s="13"/>
    </row>
    <row r="329" spans="1:10" x14ac:dyDescent="0.25">
      <c r="A329" s="76" t="s">
        <v>844</v>
      </c>
      <c r="B329" s="23">
        <v>45429</v>
      </c>
      <c r="C329" s="17" t="s">
        <v>128</v>
      </c>
      <c r="D329" s="17" t="s">
        <v>129</v>
      </c>
      <c r="E329" s="24">
        <v>35954612</v>
      </c>
      <c r="F329" s="17" t="s">
        <v>639</v>
      </c>
      <c r="G329" s="110">
        <v>1180</v>
      </c>
      <c r="H329" s="111">
        <v>1416</v>
      </c>
      <c r="I329" s="25" t="s">
        <v>183</v>
      </c>
      <c r="J329" s="17"/>
    </row>
    <row r="330" spans="1:10" x14ac:dyDescent="0.25">
      <c r="A330" s="76" t="s">
        <v>864</v>
      </c>
      <c r="B330" s="48">
        <v>45429</v>
      </c>
      <c r="C330" s="13" t="s">
        <v>128</v>
      </c>
      <c r="D330" s="13" t="s">
        <v>129</v>
      </c>
      <c r="E330" s="18">
        <v>35954612</v>
      </c>
      <c r="F330" s="13" t="s">
        <v>633</v>
      </c>
      <c r="G330" s="119">
        <v>6880</v>
      </c>
      <c r="H330" s="120">
        <v>8256</v>
      </c>
      <c r="I330" s="49" t="s">
        <v>617</v>
      </c>
      <c r="J330" s="13"/>
    </row>
    <row r="331" spans="1:10" x14ac:dyDescent="0.25">
      <c r="A331" s="71" t="s">
        <v>845</v>
      </c>
      <c r="B331" s="23">
        <v>45429</v>
      </c>
      <c r="C331" s="17" t="s">
        <v>128</v>
      </c>
      <c r="D331" s="17" t="s">
        <v>129</v>
      </c>
      <c r="E331" s="24">
        <v>35954612</v>
      </c>
      <c r="F331" s="17" t="s">
        <v>635</v>
      </c>
      <c r="G331" s="110">
        <v>1180</v>
      </c>
      <c r="H331" s="111">
        <v>1416</v>
      </c>
      <c r="I331" s="25" t="s">
        <v>183</v>
      </c>
      <c r="J331" s="17"/>
    </row>
    <row r="332" spans="1:10" x14ac:dyDescent="0.25">
      <c r="A332" s="71" t="s">
        <v>865</v>
      </c>
      <c r="B332" s="48">
        <v>45429</v>
      </c>
      <c r="C332" s="13" t="s">
        <v>128</v>
      </c>
      <c r="D332" s="13" t="s">
        <v>129</v>
      </c>
      <c r="E332" s="18">
        <v>35954612</v>
      </c>
      <c r="F332" s="13" t="s">
        <v>866</v>
      </c>
      <c r="G332" s="119">
        <v>6100</v>
      </c>
      <c r="H332" s="120">
        <v>7320</v>
      </c>
      <c r="I332" s="49" t="s">
        <v>617</v>
      </c>
      <c r="J332" s="13"/>
    </row>
    <row r="333" spans="1:10" x14ac:dyDescent="0.25">
      <c r="A333" s="71" t="s">
        <v>846</v>
      </c>
      <c r="B333" s="48">
        <v>45429</v>
      </c>
      <c r="C333" s="13" t="s">
        <v>128</v>
      </c>
      <c r="D333" s="13" t="s">
        <v>129</v>
      </c>
      <c r="E333" s="18">
        <v>35954612</v>
      </c>
      <c r="F333" s="13" t="s">
        <v>641</v>
      </c>
      <c r="G333" s="119">
        <v>1180</v>
      </c>
      <c r="H333" s="120">
        <v>1416</v>
      </c>
      <c r="I333" s="49" t="s">
        <v>183</v>
      </c>
      <c r="J333" s="13"/>
    </row>
    <row r="334" spans="1:10" x14ac:dyDescent="0.25">
      <c r="A334" s="71" t="s">
        <v>867</v>
      </c>
      <c r="B334" s="23">
        <v>45429</v>
      </c>
      <c r="C334" s="17" t="s">
        <v>128</v>
      </c>
      <c r="D334" s="17" t="s">
        <v>129</v>
      </c>
      <c r="E334" s="24">
        <v>35954612</v>
      </c>
      <c r="F334" s="17" t="s">
        <v>625</v>
      </c>
      <c r="G334" s="110">
        <v>5650</v>
      </c>
      <c r="H334" s="111">
        <v>6780</v>
      </c>
      <c r="I334" s="25" t="s">
        <v>617</v>
      </c>
      <c r="J334" s="17"/>
    </row>
    <row r="335" spans="1:10" x14ac:dyDescent="0.25">
      <c r="A335" s="76" t="s">
        <v>847</v>
      </c>
      <c r="B335" s="23">
        <v>45429</v>
      </c>
      <c r="C335" s="17" t="s">
        <v>128</v>
      </c>
      <c r="D335" s="17" t="s">
        <v>129</v>
      </c>
      <c r="E335" s="24">
        <v>35954612</v>
      </c>
      <c r="F335" s="17" t="s">
        <v>627</v>
      </c>
      <c r="G335" s="110">
        <v>1180</v>
      </c>
      <c r="H335" s="111">
        <v>1416</v>
      </c>
      <c r="I335" s="25" t="s">
        <v>183</v>
      </c>
      <c r="J335" s="17"/>
    </row>
    <row r="336" spans="1:10" x14ac:dyDescent="0.25">
      <c r="A336" s="76" t="s">
        <v>868</v>
      </c>
      <c r="B336" s="23">
        <v>45429</v>
      </c>
      <c r="C336" s="17" t="s">
        <v>128</v>
      </c>
      <c r="D336" s="17" t="s">
        <v>129</v>
      </c>
      <c r="E336" s="24">
        <v>35954612</v>
      </c>
      <c r="F336" s="17" t="s">
        <v>616</v>
      </c>
      <c r="G336" s="110">
        <v>6390</v>
      </c>
      <c r="H336" s="111">
        <v>7668</v>
      </c>
      <c r="I336" s="25" t="s">
        <v>617</v>
      </c>
      <c r="J336" s="17"/>
    </row>
    <row r="337" spans="1:10" x14ac:dyDescent="0.25">
      <c r="A337" s="76" t="s">
        <v>848</v>
      </c>
      <c r="B337" s="48">
        <v>45429</v>
      </c>
      <c r="C337" s="13" t="s">
        <v>128</v>
      </c>
      <c r="D337" s="13" t="s">
        <v>129</v>
      </c>
      <c r="E337" s="18">
        <v>35954612</v>
      </c>
      <c r="F337" s="13" t="s">
        <v>646</v>
      </c>
      <c r="G337" s="119">
        <v>1180</v>
      </c>
      <c r="H337" s="120">
        <v>1416</v>
      </c>
      <c r="I337" s="49" t="s">
        <v>183</v>
      </c>
      <c r="J337" s="13"/>
    </row>
    <row r="338" spans="1:10" x14ac:dyDescent="0.25">
      <c r="A338" s="76" t="s">
        <v>869</v>
      </c>
      <c r="B338" s="23">
        <v>45429</v>
      </c>
      <c r="C338" s="17" t="s">
        <v>128</v>
      </c>
      <c r="D338" s="17" t="s">
        <v>129</v>
      </c>
      <c r="E338" s="24">
        <v>35954612</v>
      </c>
      <c r="F338" s="17" t="s">
        <v>621</v>
      </c>
      <c r="G338" s="110">
        <v>6560</v>
      </c>
      <c r="H338" s="111">
        <v>7872</v>
      </c>
      <c r="I338" s="25" t="s">
        <v>617</v>
      </c>
      <c r="J338" s="17"/>
    </row>
    <row r="339" spans="1:10" x14ac:dyDescent="0.25">
      <c r="A339" s="76" t="s">
        <v>870</v>
      </c>
      <c r="B339" s="23">
        <v>45441</v>
      </c>
      <c r="C339" s="17" t="s">
        <v>858</v>
      </c>
      <c r="D339" s="17" t="s">
        <v>859</v>
      </c>
      <c r="E339" s="24">
        <v>31560270</v>
      </c>
      <c r="F339" s="17" t="s">
        <v>871</v>
      </c>
      <c r="G339" s="110">
        <v>73.75</v>
      </c>
      <c r="H339" s="111">
        <v>88.5</v>
      </c>
      <c r="I339" s="25" t="s">
        <v>861</v>
      </c>
      <c r="J339" s="17"/>
    </row>
    <row r="340" spans="1:10" x14ac:dyDescent="0.25">
      <c r="A340" s="76" t="s">
        <v>872</v>
      </c>
      <c r="B340" s="48">
        <v>45441</v>
      </c>
      <c r="C340" s="13" t="s">
        <v>858</v>
      </c>
      <c r="D340" s="13" t="s">
        <v>859</v>
      </c>
      <c r="E340" s="18">
        <v>31560271</v>
      </c>
      <c r="F340" s="13" t="s">
        <v>873</v>
      </c>
      <c r="G340" s="119">
        <v>73.75</v>
      </c>
      <c r="H340" s="120">
        <v>88.5</v>
      </c>
      <c r="I340" s="49" t="s">
        <v>874</v>
      </c>
      <c r="J340" s="13"/>
    </row>
    <row r="341" spans="1:10" x14ac:dyDescent="0.25">
      <c r="A341" s="76" t="s">
        <v>875</v>
      </c>
      <c r="B341" s="48">
        <v>45435</v>
      </c>
      <c r="C341" s="17" t="s">
        <v>122</v>
      </c>
      <c r="D341" s="17" t="s">
        <v>123</v>
      </c>
      <c r="E341" s="24">
        <v>36237337</v>
      </c>
      <c r="F341" s="17" t="s">
        <v>124</v>
      </c>
      <c r="G341" s="110">
        <v>45</v>
      </c>
      <c r="H341" s="111">
        <v>54</v>
      </c>
      <c r="I341" s="25" t="s">
        <v>125</v>
      </c>
      <c r="J341" s="17">
        <v>1572024</v>
      </c>
    </row>
    <row r="342" spans="1:10" x14ac:dyDescent="0.25">
      <c r="A342" s="76" t="s">
        <v>876</v>
      </c>
      <c r="B342" s="48">
        <v>45441</v>
      </c>
      <c r="C342" s="13" t="s">
        <v>858</v>
      </c>
      <c r="D342" s="13" t="s">
        <v>859</v>
      </c>
      <c r="E342" s="18">
        <v>31560271</v>
      </c>
      <c r="F342" s="13" t="s">
        <v>877</v>
      </c>
      <c r="G342" s="119">
        <v>70.42</v>
      </c>
      <c r="H342" s="120">
        <v>84.5</v>
      </c>
      <c r="I342" s="49" t="s">
        <v>874</v>
      </c>
      <c r="J342" s="13"/>
    </row>
    <row r="343" spans="1:10" x14ac:dyDescent="0.25">
      <c r="A343" s="76" t="s">
        <v>878</v>
      </c>
      <c r="B343" s="48">
        <v>45441</v>
      </c>
      <c r="C343" s="13" t="s">
        <v>858</v>
      </c>
      <c r="D343" s="13" t="s">
        <v>859</v>
      </c>
      <c r="E343" s="18">
        <v>31560271</v>
      </c>
      <c r="F343" s="13" t="s">
        <v>879</v>
      </c>
      <c r="G343" s="119">
        <v>67.400000000000006</v>
      </c>
      <c r="H343" s="120">
        <v>80.900000000000006</v>
      </c>
      <c r="I343" s="49" t="s">
        <v>874</v>
      </c>
      <c r="J343" s="13"/>
    </row>
    <row r="344" spans="1:10" x14ac:dyDescent="0.25">
      <c r="A344" s="76" t="s">
        <v>880</v>
      </c>
      <c r="B344" s="48">
        <v>45441</v>
      </c>
      <c r="C344" s="13" t="s">
        <v>858</v>
      </c>
      <c r="D344" s="13" t="s">
        <v>859</v>
      </c>
      <c r="E344" s="18">
        <v>31560271</v>
      </c>
      <c r="F344" s="13" t="s">
        <v>881</v>
      </c>
      <c r="G344" s="119">
        <v>68.25</v>
      </c>
      <c r="H344" s="120">
        <v>81.900000000000006</v>
      </c>
      <c r="I344" s="49" t="s">
        <v>874</v>
      </c>
      <c r="J344" s="13"/>
    </row>
    <row r="345" spans="1:10" x14ac:dyDescent="0.25">
      <c r="A345" s="16" t="s">
        <v>849</v>
      </c>
      <c r="B345" s="48">
        <v>45432</v>
      </c>
      <c r="C345" s="13" t="s">
        <v>248</v>
      </c>
      <c r="D345" s="13" t="s">
        <v>249</v>
      </c>
      <c r="E345" s="18">
        <v>46921931</v>
      </c>
      <c r="F345" s="13" t="s">
        <v>850</v>
      </c>
      <c r="G345" s="119">
        <v>23678.89</v>
      </c>
      <c r="H345" s="120">
        <v>25046.63</v>
      </c>
      <c r="I345" s="49" t="s">
        <v>251</v>
      </c>
      <c r="J345" s="13"/>
    </row>
    <row r="346" spans="1:10" x14ac:dyDescent="0.25">
      <c r="A346" s="16" t="s">
        <v>882</v>
      </c>
      <c r="B346" s="48">
        <v>45429</v>
      </c>
      <c r="C346" s="13" t="s">
        <v>883</v>
      </c>
      <c r="D346" s="13" t="s">
        <v>884</v>
      </c>
      <c r="E346" s="18">
        <v>31609058</v>
      </c>
      <c r="F346" s="13" t="s">
        <v>885</v>
      </c>
      <c r="G346" s="119">
        <v>530</v>
      </c>
      <c r="H346" s="120">
        <v>636</v>
      </c>
      <c r="I346" s="49" t="s">
        <v>886</v>
      </c>
      <c r="J346" s="13"/>
    </row>
    <row r="347" spans="1:10" x14ac:dyDescent="0.25">
      <c r="A347" s="16" t="s">
        <v>887</v>
      </c>
      <c r="B347" s="23">
        <v>45434</v>
      </c>
      <c r="C347" s="17" t="s">
        <v>597</v>
      </c>
      <c r="D347" s="17" t="s">
        <v>598</v>
      </c>
      <c r="E347" s="24">
        <v>47235713</v>
      </c>
      <c r="F347" s="17" t="s">
        <v>888</v>
      </c>
      <c r="G347" s="110">
        <v>903.3</v>
      </c>
      <c r="H347" s="111">
        <v>1083.96</v>
      </c>
      <c r="I347" s="25" t="s">
        <v>599</v>
      </c>
      <c r="J347" s="17"/>
    </row>
    <row r="348" spans="1:10" x14ac:dyDescent="0.25">
      <c r="A348" s="16" t="s">
        <v>889</v>
      </c>
      <c r="B348" s="23">
        <v>45433</v>
      </c>
      <c r="C348" s="17" t="s">
        <v>128</v>
      </c>
      <c r="D348" s="17" t="s">
        <v>129</v>
      </c>
      <c r="E348" s="24">
        <v>35954612</v>
      </c>
      <c r="F348" s="17" t="s">
        <v>890</v>
      </c>
      <c r="G348" s="110">
        <v>7739.98</v>
      </c>
      <c r="H348" s="111">
        <v>9287.98</v>
      </c>
      <c r="I348" s="25" t="s">
        <v>183</v>
      </c>
      <c r="J348" s="17"/>
    </row>
    <row r="349" spans="1:10" x14ac:dyDescent="0.25">
      <c r="A349" s="16" t="s">
        <v>891</v>
      </c>
      <c r="B349" s="23">
        <v>45434</v>
      </c>
      <c r="C349" s="17" t="s">
        <v>656</v>
      </c>
      <c r="D349" s="17" t="s">
        <v>657</v>
      </c>
      <c r="E349" s="24">
        <v>35849436</v>
      </c>
      <c r="F349" s="17" t="s">
        <v>892</v>
      </c>
      <c r="G349" s="110">
        <v>21.65</v>
      </c>
      <c r="H349" s="111">
        <v>25.98</v>
      </c>
      <c r="I349" s="25"/>
      <c r="J349" s="17">
        <v>952024</v>
      </c>
    </row>
    <row r="350" spans="1:10" x14ac:dyDescent="0.25">
      <c r="A350" s="16" t="s">
        <v>893</v>
      </c>
      <c r="B350" s="23">
        <v>45434</v>
      </c>
      <c r="C350" s="17" t="s">
        <v>656</v>
      </c>
      <c r="D350" s="17" t="s">
        <v>657</v>
      </c>
      <c r="E350" s="24">
        <v>35849436</v>
      </c>
      <c r="F350" s="17" t="s">
        <v>892</v>
      </c>
      <c r="G350" s="110">
        <v>21.65</v>
      </c>
      <c r="H350" s="111">
        <v>25.98</v>
      </c>
      <c r="I350" s="25"/>
      <c r="J350" s="17">
        <v>992024</v>
      </c>
    </row>
    <row r="351" spans="1:10" x14ac:dyDescent="0.25">
      <c r="A351" s="16" t="s">
        <v>894</v>
      </c>
      <c r="B351" s="23">
        <v>45434</v>
      </c>
      <c r="C351" s="17" t="s">
        <v>656</v>
      </c>
      <c r="D351" s="17" t="s">
        <v>657</v>
      </c>
      <c r="E351" s="24">
        <v>35849436</v>
      </c>
      <c r="F351" s="17" t="s">
        <v>892</v>
      </c>
      <c r="G351" s="110">
        <v>21.65</v>
      </c>
      <c r="H351" s="111">
        <v>25.98</v>
      </c>
      <c r="I351" s="25"/>
      <c r="J351" s="17">
        <v>942024</v>
      </c>
    </row>
    <row r="352" spans="1:10" x14ac:dyDescent="0.25">
      <c r="A352" s="16" t="s">
        <v>895</v>
      </c>
      <c r="B352" s="23">
        <v>45434</v>
      </c>
      <c r="C352" s="17" t="s">
        <v>656</v>
      </c>
      <c r="D352" s="17" t="s">
        <v>657</v>
      </c>
      <c r="E352" s="24">
        <v>35849436</v>
      </c>
      <c r="F352" s="17" t="s">
        <v>892</v>
      </c>
      <c r="G352" s="110">
        <v>21.65</v>
      </c>
      <c r="H352" s="111">
        <v>25.98</v>
      </c>
      <c r="I352" s="25"/>
      <c r="J352" s="17">
        <v>1002024</v>
      </c>
    </row>
    <row r="353" spans="1:10" x14ac:dyDescent="0.25">
      <c r="A353" s="16" t="s">
        <v>896</v>
      </c>
      <c r="B353" s="23">
        <v>45434</v>
      </c>
      <c r="C353" s="17" t="s">
        <v>656</v>
      </c>
      <c r="D353" s="17" t="s">
        <v>657</v>
      </c>
      <c r="E353" s="24">
        <v>35849436</v>
      </c>
      <c r="F353" s="17" t="s">
        <v>892</v>
      </c>
      <c r="G353" s="110">
        <v>21.65</v>
      </c>
      <c r="H353" s="111">
        <v>25.98</v>
      </c>
      <c r="I353" s="25"/>
      <c r="J353" s="17">
        <v>962024</v>
      </c>
    </row>
    <row r="354" spans="1:10" x14ac:dyDescent="0.25">
      <c r="A354" s="16" t="s">
        <v>897</v>
      </c>
      <c r="B354" s="23">
        <v>45434</v>
      </c>
      <c r="C354" s="17" t="s">
        <v>656</v>
      </c>
      <c r="D354" s="17" t="s">
        <v>657</v>
      </c>
      <c r="E354" s="24">
        <v>35849436</v>
      </c>
      <c r="F354" s="17" t="s">
        <v>892</v>
      </c>
      <c r="G354" s="110">
        <v>21.65</v>
      </c>
      <c r="H354" s="111">
        <v>25.98</v>
      </c>
      <c r="I354" s="25"/>
      <c r="J354" s="17">
        <v>982024</v>
      </c>
    </row>
    <row r="355" spans="1:10" x14ac:dyDescent="0.25">
      <c r="A355" s="71" t="s">
        <v>898</v>
      </c>
      <c r="B355" s="72">
        <v>45440</v>
      </c>
      <c r="C355" s="73" t="s">
        <v>899</v>
      </c>
      <c r="D355" s="73" t="s">
        <v>900</v>
      </c>
      <c r="E355" s="74">
        <v>31378714</v>
      </c>
      <c r="F355" s="73" t="s">
        <v>901</v>
      </c>
      <c r="G355" s="129">
        <v>297</v>
      </c>
      <c r="H355" s="130">
        <v>356.4</v>
      </c>
      <c r="I355" s="75"/>
      <c r="J355" s="73">
        <v>1432024</v>
      </c>
    </row>
    <row r="356" spans="1:10" x14ac:dyDescent="0.25">
      <c r="A356" s="16" t="s">
        <v>902</v>
      </c>
      <c r="B356" s="72">
        <v>45439</v>
      </c>
      <c r="C356" s="17" t="s">
        <v>337</v>
      </c>
      <c r="D356" s="17" t="s">
        <v>118</v>
      </c>
      <c r="E356" s="24">
        <v>36631124</v>
      </c>
      <c r="F356" s="17" t="s">
        <v>903</v>
      </c>
      <c r="G356" s="110">
        <v>488.4</v>
      </c>
      <c r="H356" s="111">
        <v>488.4</v>
      </c>
      <c r="I356" s="25" t="s">
        <v>120</v>
      </c>
      <c r="J356" s="17"/>
    </row>
    <row r="357" spans="1:10" x14ac:dyDescent="0.25">
      <c r="A357" s="16" t="s">
        <v>904</v>
      </c>
      <c r="B357" s="72">
        <v>45434</v>
      </c>
      <c r="C357" s="17" t="s">
        <v>905</v>
      </c>
      <c r="D357" s="17" t="s">
        <v>906</v>
      </c>
      <c r="E357" s="24">
        <v>47732865</v>
      </c>
      <c r="F357" s="17" t="s">
        <v>907</v>
      </c>
      <c r="G357" s="110">
        <v>282.73</v>
      </c>
      <c r="H357" s="111">
        <v>339.28</v>
      </c>
      <c r="I357" s="25" t="s">
        <v>1142</v>
      </c>
      <c r="J357" s="17"/>
    </row>
    <row r="358" spans="1:10" x14ac:dyDescent="0.25">
      <c r="A358" s="16" t="s">
        <v>908</v>
      </c>
      <c r="B358" s="48">
        <v>45441</v>
      </c>
      <c r="C358" s="17" t="s">
        <v>785</v>
      </c>
      <c r="D358" s="13" t="s">
        <v>786</v>
      </c>
      <c r="E358" s="18">
        <v>36562939</v>
      </c>
      <c r="F358" s="13" t="s">
        <v>909</v>
      </c>
      <c r="G358" s="119">
        <v>43.17</v>
      </c>
      <c r="H358" s="120">
        <v>51.8</v>
      </c>
      <c r="I358" s="49"/>
      <c r="J358" s="13">
        <v>772024</v>
      </c>
    </row>
    <row r="359" spans="1:10" x14ac:dyDescent="0.25">
      <c r="A359" s="16" t="s">
        <v>910</v>
      </c>
      <c r="B359" s="48">
        <v>45446</v>
      </c>
      <c r="C359" s="17" t="s">
        <v>20</v>
      </c>
      <c r="D359" s="13" t="s">
        <v>21</v>
      </c>
      <c r="E359" s="18">
        <v>35697270</v>
      </c>
      <c r="F359" s="13" t="s">
        <v>911</v>
      </c>
      <c r="G359" s="119">
        <v>16.54</v>
      </c>
      <c r="H359" s="120">
        <v>19.850000000000001</v>
      </c>
      <c r="I359" s="49" t="s">
        <v>912</v>
      </c>
      <c r="J359" s="13"/>
    </row>
    <row r="360" spans="1:10" x14ac:dyDescent="0.25">
      <c r="A360" s="16" t="s">
        <v>913</v>
      </c>
      <c r="B360" s="48">
        <v>45446</v>
      </c>
      <c r="C360" s="13" t="s">
        <v>914</v>
      </c>
      <c r="D360" s="13" t="s">
        <v>915</v>
      </c>
      <c r="E360" s="18">
        <v>54998778</v>
      </c>
      <c r="F360" s="13" t="s">
        <v>916</v>
      </c>
      <c r="G360" s="119">
        <v>30784.5</v>
      </c>
      <c r="H360" s="120">
        <v>34221.199999999997</v>
      </c>
      <c r="I360" s="49"/>
      <c r="J360" s="13">
        <v>1452024</v>
      </c>
    </row>
    <row r="361" spans="1:10" x14ac:dyDescent="0.25">
      <c r="A361" s="16" t="s">
        <v>917</v>
      </c>
      <c r="B361" s="23">
        <v>45446</v>
      </c>
      <c r="C361" s="17" t="s">
        <v>456</v>
      </c>
      <c r="D361" s="17" t="s">
        <v>457</v>
      </c>
      <c r="E361" s="24">
        <v>50142763</v>
      </c>
      <c r="F361" s="17" t="s">
        <v>691</v>
      </c>
      <c r="G361" s="110">
        <v>1821.25</v>
      </c>
      <c r="H361" s="111">
        <v>2185.5</v>
      </c>
      <c r="I361" s="25"/>
      <c r="J361" s="17">
        <v>652024</v>
      </c>
    </row>
    <row r="362" spans="1:10" x14ac:dyDescent="0.25">
      <c r="A362" s="16" t="s">
        <v>918</v>
      </c>
      <c r="B362" s="23">
        <v>45446</v>
      </c>
      <c r="C362" s="17" t="s">
        <v>456</v>
      </c>
      <c r="D362" s="17" t="s">
        <v>457</v>
      </c>
      <c r="E362" s="24">
        <v>50142763</v>
      </c>
      <c r="F362" s="17" t="s">
        <v>691</v>
      </c>
      <c r="G362" s="110">
        <v>1821.25</v>
      </c>
      <c r="H362" s="111">
        <v>2185.5</v>
      </c>
      <c r="I362" s="25"/>
      <c r="J362" s="17">
        <v>662024</v>
      </c>
    </row>
    <row r="363" spans="1:10" x14ac:dyDescent="0.25">
      <c r="A363" s="16" t="s">
        <v>919</v>
      </c>
      <c r="B363" s="23">
        <v>45446</v>
      </c>
      <c r="C363" s="17" t="s">
        <v>456</v>
      </c>
      <c r="D363" s="17" t="s">
        <v>457</v>
      </c>
      <c r="E363" s="24">
        <v>50142763</v>
      </c>
      <c r="F363" s="17" t="s">
        <v>691</v>
      </c>
      <c r="G363" s="110">
        <v>1821.25</v>
      </c>
      <c r="H363" s="111">
        <v>2185.5</v>
      </c>
      <c r="I363" s="25"/>
      <c r="J363" s="17">
        <v>622024</v>
      </c>
    </row>
    <row r="364" spans="1:10" x14ac:dyDescent="0.25">
      <c r="A364" s="16" t="s">
        <v>920</v>
      </c>
      <c r="B364" s="23">
        <v>45446</v>
      </c>
      <c r="C364" s="17" t="s">
        <v>456</v>
      </c>
      <c r="D364" s="17" t="s">
        <v>457</v>
      </c>
      <c r="E364" s="24">
        <v>50142763</v>
      </c>
      <c r="F364" s="17" t="s">
        <v>691</v>
      </c>
      <c r="G364" s="110">
        <v>1821.25</v>
      </c>
      <c r="H364" s="111">
        <v>2185.5</v>
      </c>
      <c r="I364" s="25"/>
      <c r="J364" s="17">
        <v>632024</v>
      </c>
    </row>
    <row r="365" spans="1:10" x14ac:dyDescent="0.25">
      <c r="A365" s="16" t="s">
        <v>921</v>
      </c>
      <c r="B365" s="23">
        <v>45446</v>
      </c>
      <c r="C365" s="17" t="s">
        <v>456</v>
      </c>
      <c r="D365" s="17" t="s">
        <v>457</v>
      </c>
      <c r="E365" s="24">
        <v>50142763</v>
      </c>
      <c r="F365" s="17" t="s">
        <v>691</v>
      </c>
      <c r="G365" s="110">
        <v>1821.25</v>
      </c>
      <c r="H365" s="111">
        <v>2185.5</v>
      </c>
      <c r="I365" s="25"/>
      <c r="J365" s="17">
        <v>642024</v>
      </c>
    </row>
    <row r="366" spans="1:10" x14ac:dyDescent="0.25">
      <c r="A366" s="16" t="s">
        <v>922</v>
      </c>
      <c r="B366" s="23">
        <v>45442</v>
      </c>
      <c r="C366" s="17" t="s">
        <v>306</v>
      </c>
      <c r="D366" s="17" t="s">
        <v>923</v>
      </c>
      <c r="E366" s="24">
        <v>31365078</v>
      </c>
      <c r="F366" s="17" t="s">
        <v>924</v>
      </c>
      <c r="G366" s="110">
        <v>164</v>
      </c>
      <c r="H366" s="111">
        <v>196.8</v>
      </c>
      <c r="I366" s="25"/>
      <c r="J366" s="17">
        <v>1402024</v>
      </c>
    </row>
    <row r="367" spans="1:10" x14ac:dyDescent="0.25">
      <c r="A367" s="16" t="s">
        <v>925</v>
      </c>
      <c r="B367" s="23">
        <v>45441</v>
      </c>
      <c r="C367" s="17" t="s">
        <v>926</v>
      </c>
      <c r="D367" s="17" t="s">
        <v>927</v>
      </c>
      <c r="E367" s="24">
        <v>46256831</v>
      </c>
      <c r="F367" s="17" t="s">
        <v>928</v>
      </c>
      <c r="G367" s="110">
        <v>970</v>
      </c>
      <c r="H367" s="111">
        <v>1164</v>
      </c>
      <c r="I367" s="25"/>
      <c r="J367" s="17">
        <v>332024</v>
      </c>
    </row>
    <row r="368" spans="1:10" x14ac:dyDescent="0.25">
      <c r="A368" s="16" t="s">
        <v>929</v>
      </c>
      <c r="B368" s="48">
        <v>45439</v>
      </c>
      <c r="C368" s="13" t="s">
        <v>395</v>
      </c>
      <c r="D368" s="13" t="s">
        <v>930</v>
      </c>
      <c r="E368" s="24">
        <v>36384593</v>
      </c>
      <c r="F368" s="17" t="s">
        <v>931</v>
      </c>
      <c r="G368" s="119">
        <v>305.83999999999997</v>
      </c>
      <c r="H368" s="120">
        <v>367.01</v>
      </c>
      <c r="I368" s="49"/>
      <c r="J368" s="17">
        <v>1502024</v>
      </c>
    </row>
    <row r="369" spans="1:10" x14ac:dyDescent="0.25">
      <c r="A369" s="16" t="s">
        <v>932</v>
      </c>
      <c r="B369" s="23">
        <v>45447</v>
      </c>
      <c r="C369" s="17" t="s">
        <v>574</v>
      </c>
      <c r="D369" s="17" t="s">
        <v>575</v>
      </c>
      <c r="E369" s="24">
        <v>36687936</v>
      </c>
      <c r="F369" s="17" t="s">
        <v>933</v>
      </c>
      <c r="G369" s="110">
        <v>15104.95</v>
      </c>
      <c r="H369" s="111">
        <v>15444.95</v>
      </c>
      <c r="I369" s="25" t="s">
        <v>605</v>
      </c>
      <c r="J369" s="17"/>
    </row>
    <row r="370" spans="1:10" x14ac:dyDescent="0.25">
      <c r="A370" s="16" t="s">
        <v>934</v>
      </c>
      <c r="B370" s="23">
        <v>45448</v>
      </c>
      <c r="C370" s="17" t="s">
        <v>574</v>
      </c>
      <c r="D370" s="17" t="s">
        <v>575</v>
      </c>
      <c r="E370" s="24">
        <v>36687937</v>
      </c>
      <c r="F370" s="17" t="s">
        <v>935</v>
      </c>
      <c r="G370" s="110">
        <v>2777.8</v>
      </c>
      <c r="H370" s="111">
        <v>3333.36</v>
      </c>
      <c r="I370" s="25" t="s">
        <v>605</v>
      </c>
      <c r="J370" s="17"/>
    </row>
    <row r="371" spans="1:10" x14ac:dyDescent="0.25">
      <c r="A371" s="16" t="s">
        <v>936</v>
      </c>
      <c r="B371" s="23">
        <v>45449</v>
      </c>
      <c r="C371" s="17" t="s">
        <v>574</v>
      </c>
      <c r="D371" s="17" t="s">
        <v>575</v>
      </c>
      <c r="E371" s="24">
        <v>36687938</v>
      </c>
      <c r="F371" s="17" t="s">
        <v>937</v>
      </c>
      <c r="G371" s="110">
        <v>4386</v>
      </c>
      <c r="H371" s="111">
        <v>5263.2</v>
      </c>
      <c r="I371" s="25" t="s">
        <v>605</v>
      </c>
      <c r="J371" s="17"/>
    </row>
    <row r="372" spans="1:10" x14ac:dyDescent="0.25">
      <c r="A372" s="16" t="s">
        <v>938</v>
      </c>
      <c r="B372" s="23">
        <v>45447</v>
      </c>
      <c r="C372" s="17" t="s">
        <v>574</v>
      </c>
      <c r="D372" s="17" t="s">
        <v>575</v>
      </c>
      <c r="E372" s="24">
        <v>36687938</v>
      </c>
      <c r="F372" s="17" t="s">
        <v>939</v>
      </c>
      <c r="G372" s="110">
        <v>281.42</v>
      </c>
      <c r="H372" s="111">
        <v>337.7</v>
      </c>
      <c r="I372" s="25" t="s">
        <v>940</v>
      </c>
      <c r="J372" s="17"/>
    </row>
    <row r="373" spans="1:10" x14ac:dyDescent="0.25">
      <c r="A373" s="71" t="s">
        <v>941</v>
      </c>
      <c r="B373" s="72">
        <v>45400</v>
      </c>
      <c r="C373" s="73" t="s">
        <v>597</v>
      </c>
      <c r="D373" s="73" t="s">
        <v>598</v>
      </c>
      <c r="E373" s="74">
        <v>47235713</v>
      </c>
      <c r="F373" s="73" t="s">
        <v>669</v>
      </c>
      <c r="G373" s="129">
        <v>9093.0300000000007</v>
      </c>
      <c r="H373" s="130">
        <v>9349.09</v>
      </c>
      <c r="I373" s="75" t="s">
        <v>599</v>
      </c>
      <c r="J373" s="73"/>
    </row>
    <row r="374" spans="1:10" x14ac:dyDescent="0.25">
      <c r="A374" s="71" t="s">
        <v>942</v>
      </c>
      <c r="B374" s="72">
        <v>45400</v>
      </c>
      <c r="C374" s="73" t="s">
        <v>597</v>
      </c>
      <c r="D374" s="73" t="s">
        <v>598</v>
      </c>
      <c r="E374" s="74">
        <v>47235713</v>
      </c>
      <c r="F374" s="73" t="s">
        <v>671</v>
      </c>
      <c r="G374" s="129">
        <v>2054.89</v>
      </c>
      <c r="H374" s="130">
        <v>2465.87</v>
      </c>
      <c r="I374" s="75" t="s">
        <v>599</v>
      </c>
      <c r="J374" s="73"/>
    </row>
    <row r="375" spans="1:10" x14ac:dyDescent="0.25">
      <c r="A375" s="71" t="s">
        <v>943</v>
      </c>
      <c r="B375" s="72">
        <v>45400</v>
      </c>
      <c r="C375" s="73" t="s">
        <v>597</v>
      </c>
      <c r="D375" s="73" t="s">
        <v>598</v>
      </c>
      <c r="E375" s="74">
        <v>47235713</v>
      </c>
      <c r="F375" s="73" t="s">
        <v>673</v>
      </c>
      <c r="G375" s="129">
        <v>603.22</v>
      </c>
      <c r="H375" s="130">
        <v>723.87</v>
      </c>
      <c r="I375" s="75" t="s">
        <v>599</v>
      </c>
      <c r="J375" s="73"/>
    </row>
    <row r="376" spans="1:10" x14ac:dyDescent="0.25">
      <c r="A376" s="16" t="s">
        <v>944</v>
      </c>
      <c r="B376" s="23">
        <v>45446</v>
      </c>
      <c r="C376" s="17" t="s">
        <v>373</v>
      </c>
      <c r="D376" s="17" t="s">
        <v>374</v>
      </c>
      <c r="E376" s="24">
        <v>43799485</v>
      </c>
      <c r="F376" s="17" t="s">
        <v>945</v>
      </c>
      <c r="G376" s="110">
        <v>17268.330000000002</v>
      </c>
      <c r="H376" s="111">
        <v>17988.330000000002</v>
      </c>
      <c r="I376" s="25" t="s">
        <v>376</v>
      </c>
      <c r="J376" s="17"/>
    </row>
    <row r="377" spans="1:10" x14ac:dyDescent="0.25">
      <c r="A377" s="16" t="s">
        <v>946</v>
      </c>
      <c r="B377" s="23">
        <v>45446</v>
      </c>
      <c r="C377" s="17" t="s">
        <v>373</v>
      </c>
      <c r="D377" s="17" t="s">
        <v>374</v>
      </c>
      <c r="E377" s="24">
        <v>43799485</v>
      </c>
      <c r="F377" s="17" t="s">
        <v>947</v>
      </c>
      <c r="G377" s="110">
        <v>3000</v>
      </c>
      <c r="H377" s="111">
        <v>3600</v>
      </c>
      <c r="I377" s="25" t="s">
        <v>376</v>
      </c>
      <c r="J377" s="17"/>
    </row>
    <row r="378" spans="1:10" x14ac:dyDescent="0.25">
      <c r="A378" s="16" t="s">
        <v>948</v>
      </c>
      <c r="B378" s="23">
        <v>45446</v>
      </c>
      <c r="C378" s="17" t="s">
        <v>949</v>
      </c>
      <c r="D378" s="17" t="s">
        <v>950</v>
      </c>
      <c r="E378" s="24">
        <v>35818565</v>
      </c>
      <c r="F378" s="17" t="s">
        <v>951</v>
      </c>
      <c r="G378" s="110">
        <v>465</v>
      </c>
      <c r="H378" s="111">
        <v>558</v>
      </c>
      <c r="I378" s="25"/>
      <c r="J378" s="17">
        <v>1552024</v>
      </c>
    </row>
    <row r="379" spans="1:10" x14ac:dyDescent="0.25">
      <c r="A379" s="16" t="s">
        <v>952</v>
      </c>
      <c r="B379" s="23">
        <v>45446</v>
      </c>
      <c r="C379" s="17" t="s">
        <v>953</v>
      </c>
      <c r="D379" s="17" t="s">
        <v>63</v>
      </c>
      <c r="E379" s="24">
        <v>52929230</v>
      </c>
      <c r="F379" s="17" t="s">
        <v>954</v>
      </c>
      <c r="G379" s="110">
        <v>1700</v>
      </c>
      <c r="H379" s="111">
        <v>2040</v>
      </c>
      <c r="I379" s="25" t="s">
        <v>65</v>
      </c>
      <c r="J379" s="17"/>
    </row>
    <row r="380" spans="1:10" x14ac:dyDescent="0.25">
      <c r="A380" s="76" t="s">
        <v>955</v>
      </c>
      <c r="B380" s="23">
        <v>45446</v>
      </c>
      <c r="C380" s="17" t="s">
        <v>858</v>
      </c>
      <c r="D380" s="17" t="s">
        <v>859</v>
      </c>
      <c r="E380" s="24">
        <v>31560271</v>
      </c>
      <c r="F380" s="17" t="s">
        <v>956</v>
      </c>
      <c r="G380" s="110">
        <v>67.42</v>
      </c>
      <c r="H380" s="111">
        <v>80.900000000000006</v>
      </c>
      <c r="I380" s="25" t="s">
        <v>874</v>
      </c>
      <c r="J380" s="17"/>
    </row>
    <row r="381" spans="1:10" x14ac:dyDescent="0.25">
      <c r="A381" s="16" t="s">
        <v>957</v>
      </c>
      <c r="B381" s="23">
        <v>45446</v>
      </c>
      <c r="C381" s="17" t="s">
        <v>405</v>
      </c>
      <c r="D381" s="17" t="s">
        <v>406</v>
      </c>
      <c r="E381" s="24">
        <v>53227514</v>
      </c>
      <c r="F381" s="17" t="s">
        <v>958</v>
      </c>
      <c r="G381" s="110">
        <v>2500</v>
      </c>
      <c r="H381" s="111">
        <v>3000</v>
      </c>
      <c r="I381" s="25" t="s">
        <v>408</v>
      </c>
      <c r="J381" s="17"/>
    </row>
    <row r="382" spans="1:10" x14ac:dyDescent="0.25">
      <c r="A382" s="16" t="s">
        <v>959</v>
      </c>
      <c r="B382" s="23">
        <v>45446</v>
      </c>
      <c r="C382" s="17" t="s">
        <v>405</v>
      </c>
      <c r="D382" s="17" t="s">
        <v>406</v>
      </c>
      <c r="E382" s="24">
        <v>53227514</v>
      </c>
      <c r="F382" s="17" t="s">
        <v>960</v>
      </c>
      <c r="G382" s="110">
        <v>15394</v>
      </c>
      <c r="H382" s="111">
        <v>16594</v>
      </c>
      <c r="I382" s="25" t="s">
        <v>408</v>
      </c>
      <c r="J382" s="17"/>
    </row>
    <row r="383" spans="1:10" x14ac:dyDescent="0.25">
      <c r="A383" s="16" t="s">
        <v>961</v>
      </c>
      <c r="B383" s="23">
        <v>45446</v>
      </c>
      <c r="C383" s="17" t="s">
        <v>405</v>
      </c>
      <c r="D383" s="17" t="s">
        <v>406</v>
      </c>
      <c r="E383" s="24">
        <v>53227514</v>
      </c>
      <c r="F383" s="17" t="s">
        <v>962</v>
      </c>
      <c r="G383" s="110">
        <v>2500</v>
      </c>
      <c r="H383" s="111">
        <v>3000</v>
      </c>
      <c r="I383" s="25" t="s">
        <v>408</v>
      </c>
      <c r="J383" s="17"/>
    </row>
    <row r="384" spans="1:10" x14ac:dyDescent="0.25">
      <c r="A384" s="16" t="s">
        <v>963</v>
      </c>
      <c r="B384" s="23">
        <v>45446</v>
      </c>
      <c r="C384" s="68" t="s">
        <v>149</v>
      </c>
      <c r="D384" s="68" t="s">
        <v>231</v>
      </c>
      <c r="E384" s="69">
        <v>35889063</v>
      </c>
      <c r="F384" s="68" t="s">
        <v>964</v>
      </c>
      <c r="G384" s="127">
        <v>100</v>
      </c>
      <c r="H384" s="128">
        <v>100</v>
      </c>
      <c r="I384" s="70" t="s">
        <v>831</v>
      </c>
      <c r="J384" s="68"/>
    </row>
    <row r="385" spans="1:10" x14ac:dyDescent="0.25">
      <c r="A385" s="16" t="s">
        <v>965</v>
      </c>
      <c r="B385" s="23">
        <v>45448</v>
      </c>
      <c r="C385" s="17" t="s">
        <v>966</v>
      </c>
      <c r="D385" s="17" t="s">
        <v>967</v>
      </c>
      <c r="E385" s="24">
        <v>48032247</v>
      </c>
      <c r="F385" s="17" t="s">
        <v>968</v>
      </c>
      <c r="G385" s="110">
        <v>5916.67</v>
      </c>
      <c r="H385" s="111">
        <v>7100</v>
      </c>
      <c r="I385" s="25"/>
      <c r="J385" s="17">
        <v>1562024</v>
      </c>
    </row>
    <row r="386" spans="1:10" x14ac:dyDescent="0.25">
      <c r="A386" s="16" t="s">
        <v>969</v>
      </c>
      <c r="B386" s="23">
        <v>45447</v>
      </c>
      <c r="C386" s="17" t="s">
        <v>597</v>
      </c>
      <c r="D386" s="17" t="s">
        <v>598</v>
      </c>
      <c r="E386" s="24">
        <v>47235713</v>
      </c>
      <c r="F386" s="17" t="s">
        <v>970</v>
      </c>
      <c r="G386" s="110">
        <v>25625.82</v>
      </c>
      <c r="H386" s="111">
        <v>26347.43</v>
      </c>
      <c r="I386" s="25" t="s">
        <v>599</v>
      </c>
      <c r="J386" s="17"/>
    </row>
    <row r="387" spans="1:10" x14ac:dyDescent="0.25">
      <c r="A387" s="71" t="s">
        <v>971</v>
      </c>
      <c r="B387" s="23">
        <v>45447</v>
      </c>
      <c r="C387" s="17" t="s">
        <v>597</v>
      </c>
      <c r="D387" s="17" t="s">
        <v>598</v>
      </c>
      <c r="E387" s="24">
        <v>47235713</v>
      </c>
      <c r="F387" s="17" t="s">
        <v>972</v>
      </c>
      <c r="G387" s="110">
        <v>1700</v>
      </c>
      <c r="H387" s="111">
        <v>2040</v>
      </c>
      <c r="I387" s="25" t="s">
        <v>599</v>
      </c>
      <c r="J387" s="17"/>
    </row>
    <row r="388" spans="1:10" x14ac:dyDescent="0.25">
      <c r="A388" s="71" t="s">
        <v>973</v>
      </c>
      <c r="B388" s="23">
        <v>45447</v>
      </c>
      <c r="C388" s="17" t="s">
        <v>597</v>
      </c>
      <c r="D388" s="17" t="s">
        <v>598</v>
      </c>
      <c r="E388" s="24">
        <v>47235713</v>
      </c>
      <c r="F388" s="17" t="s">
        <v>974</v>
      </c>
      <c r="G388" s="110">
        <v>5791.05</v>
      </c>
      <c r="H388" s="111">
        <v>6949.26</v>
      </c>
      <c r="I388" s="25" t="s">
        <v>599</v>
      </c>
      <c r="J388" s="17"/>
    </row>
    <row r="389" spans="1:10" x14ac:dyDescent="0.25">
      <c r="A389" s="97" t="s">
        <v>975</v>
      </c>
      <c r="B389" s="61">
        <v>45446</v>
      </c>
      <c r="C389" s="14" t="s">
        <v>442</v>
      </c>
      <c r="D389" s="14" t="s">
        <v>315</v>
      </c>
      <c r="E389" s="62">
        <v>53528654</v>
      </c>
      <c r="F389" s="14" t="s">
        <v>976</v>
      </c>
      <c r="G389" s="125">
        <v>2506.86</v>
      </c>
      <c r="H389" s="126">
        <v>3068.19</v>
      </c>
      <c r="I389" s="63" t="s">
        <v>454</v>
      </c>
      <c r="J389" s="14"/>
    </row>
    <row r="390" spans="1:10" x14ac:dyDescent="0.25">
      <c r="A390" s="16" t="s">
        <v>977</v>
      </c>
      <c r="B390" s="23">
        <v>45447</v>
      </c>
      <c r="C390" s="17" t="s">
        <v>54</v>
      </c>
      <c r="D390" s="17" t="s">
        <v>55</v>
      </c>
      <c r="E390" s="24">
        <v>36769304</v>
      </c>
      <c r="F390" s="17" t="s">
        <v>978</v>
      </c>
      <c r="G390" s="110">
        <v>1440</v>
      </c>
      <c r="H390" s="111">
        <v>1728</v>
      </c>
      <c r="I390" s="25" t="s">
        <v>60</v>
      </c>
      <c r="J390" s="17"/>
    </row>
    <row r="391" spans="1:10" x14ac:dyDescent="0.25">
      <c r="A391" s="16" t="s">
        <v>979</v>
      </c>
      <c r="B391" s="48">
        <v>45447</v>
      </c>
      <c r="C391" s="13" t="s">
        <v>54</v>
      </c>
      <c r="D391" s="13" t="s">
        <v>55</v>
      </c>
      <c r="E391" s="18">
        <v>36769304</v>
      </c>
      <c r="F391" s="13" t="s">
        <v>980</v>
      </c>
      <c r="G391" s="119">
        <v>948</v>
      </c>
      <c r="H391" s="120">
        <v>1137.5999999999999</v>
      </c>
      <c r="I391" s="49" t="s">
        <v>60</v>
      </c>
      <c r="J391" s="13"/>
    </row>
    <row r="392" spans="1:10" x14ac:dyDescent="0.25">
      <c r="A392" s="16" t="s">
        <v>981</v>
      </c>
      <c r="B392" s="23">
        <v>45447</v>
      </c>
      <c r="C392" s="17" t="s">
        <v>429</v>
      </c>
      <c r="D392" s="17" t="s">
        <v>430</v>
      </c>
      <c r="E392" s="24">
        <v>36795135</v>
      </c>
      <c r="F392" s="17" t="s">
        <v>982</v>
      </c>
      <c r="G392" s="110">
        <v>6567.6</v>
      </c>
      <c r="H392" s="111">
        <v>6597.6</v>
      </c>
      <c r="I392" s="25" t="s">
        <v>706</v>
      </c>
      <c r="J392" s="17"/>
    </row>
    <row r="393" spans="1:10" x14ac:dyDescent="0.25">
      <c r="A393" s="16" t="s">
        <v>983</v>
      </c>
      <c r="B393" s="23">
        <v>45447</v>
      </c>
      <c r="C393" s="17" t="s">
        <v>429</v>
      </c>
      <c r="D393" s="17" t="s">
        <v>430</v>
      </c>
      <c r="E393" s="24">
        <v>36795135</v>
      </c>
      <c r="F393" s="17" t="s">
        <v>984</v>
      </c>
      <c r="G393" s="110">
        <v>2142.4</v>
      </c>
      <c r="H393" s="111">
        <v>2570.88</v>
      </c>
      <c r="I393" s="25" t="s">
        <v>706</v>
      </c>
      <c r="J393" s="17"/>
    </row>
    <row r="394" spans="1:10" x14ac:dyDescent="0.25">
      <c r="A394" s="16" t="s">
        <v>985</v>
      </c>
      <c r="B394" s="23">
        <v>45447</v>
      </c>
      <c r="C394" s="17" t="s">
        <v>37</v>
      </c>
      <c r="D394" s="17" t="s">
        <v>38</v>
      </c>
      <c r="E394" s="24">
        <v>36287229</v>
      </c>
      <c r="F394" s="17" t="s">
        <v>986</v>
      </c>
      <c r="G394" s="110">
        <v>81.67</v>
      </c>
      <c r="H394" s="111">
        <v>98</v>
      </c>
      <c r="I394" s="25">
        <v>1322024</v>
      </c>
      <c r="J394" s="17"/>
    </row>
    <row r="395" spans="1:10" ht="30" x14ac:dyDescent="0.25">
      <c r="A395" s="16" t="s">
        <v>987</v>
      </c>
      <c r="B395" s="23">
        <v>45448</v>
      </c>
      <c r="C395" s="17" t="s">
        <v>171</v>
      </c>
      <c r="D395" s="17" t="s">
        <v>172</v>
      </c>
      <c r="E395" s="24">
        <v>35872900</v>
      </c>
      <c r="F395" s="17" t="s">
        <v>988</v>
      </c>
      <c r="G395" s="110">
        <v>1100</v>
      </c>
      <c r="H395" s="111">
        <v>1320</v>
      </c>
      <c r="I395" s="49" t="s">
        <v>989</v>
      </c>
      <c r="J395" s="17"/>
    </row>
    <row r="396" spans="1:10" x14ac:dyDescent="0.25">
      <c r="A396" s="16" t="s">
        <v>990</v>
      </c>
      <c r="B396" s="23">
        <v>45448</v>
      </c>
      <c r="C396" s="17" t="s">
        <v>67</v>
      </c>
      <c r="D396" s="17" t="s">
        <v>68</v>
      </c>
      <c r="E396" s="24">
        <v>35745274</v>
      </c>
      <c r="F396" s="17" t="s">
        <v>991</v>
      </c>
      <c r="G396" s="110">
        <v>618</v>
      </c>
      <c r="H396" s="111">
        <v>741.6</v>
      </c>
      <c r="I396" s="25" t="s">
        <v>70</v>
      </c>
      <c r="J396" s="17"/>
    </row>
    <row r="397" spans="1:10" x14ac:dyDescent="0.25">
      <c r="A397" s="16" t="s">
        <v>992</v>
      </c>
      <c r="B397" s="23">
        <v>45448</v>
      </c>
      <c r="C397" s="17" t="s">
        <v>530</v>
      </c>
      <c r="D397" s="17" t="s">
        <v>531</v>
      </c>
      <c r="E397" s="24">
        <v>47139200</v>
      </c>
      <c r="F397" s="17" t="s">
        <v>993</v>
      </c>
      <c r="G397" s="110">
        <v>95</v>
      </c>
      <c r="H397" s="111">
        <v>114</v>
      </c>
      <c r="I397" s="25"/>
      <c r="J397" s="17">
        <v>1582024</v>
      </c>
    </row>
    <row r="398" spans="1:10" x14ac:dyDescent="0.25">
      <c r="A398" s="16" t="s">
        <v>994</v>
      </c>
      <c r="B398" s="23">
        <v>45448</v>
      </c>
      <c r="C398" s="17" t="s">
        <v>530</v>
      </c>
      <c r="D398" s="17" t="s">
        <v>531</v>
      </c>
      <c r="E398" s="24">
        <v>47139200</v>
      </c>
      <c r="F398" s="17" t="s">
        <v>995</v>
      </c>
      <c r="G398" s="110">
        <v>330</v>
      </c>
      <c r="H398" s="111">
        <v>396</v>
      </c>
      <c r="I398" s="25"/>
      <c r="J398" s="17">
        <v>1352024</v>
      </c>
    </row>
    <row r="399" spans="1:10" x14ac:dyDescent="0.25">
      <c r="A399" s="16" t="s">
        <v>996</v>
      </c>
      <c r="B399" s="23">
        <v>45448</v>
      </c>
      <c r="C399" s="17" t="s">
        <v>217</v>
      </c>
      <c r="D399" s="17" t="s">
        <v>503</v>
      </c>
      <c r="E399" s="24">
        <v>36620009</v>
      </c>
      <c r="F399" s="17" t="s">
        <v>997</v>
      </c>
      <c r="G399" s="110">
        <v>54.17</v>
      </c>
      <c r="H399" s="111">
        <v>65</v>
      </c>
      <c r="I399" s="31" t="s">
        <v>220</v>
      </c>
      <c r="J399" s="17"/>
    </row>
    <row r="400" spans="1:10" x14ac:dyDescent="0.25">
      <c r="A400" s="16" t="s">
        <v>998</v>
      </c>
      <c r="B400" s="23">
        <v>45449</v>
      </c>
      <c r="C400" s="17" t="s">
        <v>157</v>
      </c>
      <c r="D400" s="17" t="s">
        <v>158</v>
      </c>
      <c r="E400" s="24">
        <v>31592503</v>
      </c>
      <c r="F400" s="17" t="s">
        <v>999</v>
      </c>
      <c r="G400" s="110">
        <v>190</v>
      </c>
      <c r="H400" s="111">
        <v>228</v>
      </c>
      <c r="I400" s="31"/>
      <c r="J400" s="17">
        <v>1652024</v>
      </c>
    </row>
    <row r="401" spans="1:10" x14ac:dyDescent="0.25">
      <c r="A401" s="16" t="s">
        <v>1000</v>
      </c>
      <c r="B401" s="23">
        <v>45449</v>
      </c>
      <c r="C401" s="17" t="s">
        <v>1001</v>
      </c>
      <c r="D401" s="17" t="s">
        <v>1002</v>
      </c>
      <c r="E401" s="24">
        <v>51267055</v>
      </c>
      <c r="F401" s="17" t="s">
        <v>1003</v>
      </c>
      <c r="G401" s="110">
        <v>10000</v>
      </c>
      <c r="H401" s="111">
        <v>12000</v>
      </c>
      <c r="I401" s="25"/>
      <c r="J401" s="17">
        <v>1492024</v>
      </c>
    </row>
    <row r="402" spans="1:10" x14ac:dyDescent="0.25">
      <c r="A402" s="16" t="s">
        <v>1004</v>
      </c>
      <c r="B402" s="23">
        <v>45449</v>
      </c>
      <c r="C402" s="17" t="s">
        <v>1005</v>
      </c>
      <c r="D402" s="17" t="s">
        <v>1002</v>
      </c>
      <c r="E402" s="24">
        <v>35780886</v>
      </c>
      <c r="F402" s="17" t="s">
        <v>1006</v>
      </c>
      <c r="G402" s="110">
        <v>10000</v>
      </c>
      <c r="H402" s="111">
        <v>12000</v>
      </c>
      <c r="I402" s="25"/>
      <c r="J402" s="17">
        <v>1232024</v>
      </c>
    </row>
    <row r="403" spans="1:10" x14ac:dyDescent="0.25">
      <c r="A403" s="16" t="s">
        <v>1007</v>
      </c>
      <c r="B403" s="23">
        <v>45449</v>
      </c>
      <c r="C403" s="17" t="s">
        <v>1008</v>
      </c>
      <c r="D403" s="17" t="s">
        <v>1009</v>
      </c>
      <c r="E403" s="24">
        <v>36663484</v>
      </c>
      <c r="F403" s="17" t="s">
        <v>1010</v>
      </c>
      <c r="G403" s="110">
        <v>60</v>
      </c>
      <c r="H403" s="111">
        <v>72</v>
      </c>
      <c r="I403" s="25"/>
      <c r="J403" s="17">
        <v>1332024</v>
      </c>
    </row>
    <row r="404" spans="1:10" x14ac:dyDescent="0.25">
      <c r="A404" s="16" t="s">
        <v>1011</v>
      </c>
      <c r="B404" s="23">
        <v>45450</v>
      </c>
      <c r="C404" s="17" t="s">
        <v>1012</v>
      </c>
      <c r="D404" s="17" t="s">
        <v>38</v>
      </c>
      <c r="E404" s="24">
        <v>50288334</v>
      </c>
      <c r="F404" s="17" t="s">
        <v>1013</v>
      </c>
      <c r="G404" s="110">
        <v>96</v>
      </c>
      <c r="H404" s="111">
        <v>96</v>
      </c>
      <c r="I404" s="25">
        <v>1362024</v>
      </c>
      <c r="J404" s="17"/>
    </row>
    <row r="405" spans="1:10" x14ac:dyDescent="0.25">
      <c r="A405" s="16" t="s">
        <v>1014</v>
      </c>
      <c r="B405" s="23">
        <v>45450</v>
      </c>
      <c r="C405" s="17" t="s">
        <v>1015</v>
      </c>
      <c r="D405" s="57" t="s">
        <v>114</v>
      </c>
      <c r="E405" s="98">
        <v>36250481</v>
      </c>
      <c r="F405" s="99" t="s">
        <v>1016</v>
      </c>
      <c r="G405" s="137">
        <v>31717.5</v>
      </c>
      <c r="H405" s="138">
        <v>38061</v>
      </c>
      <c r="I405" s="100" t="s">
        <v>116</v>
      </c>
      <c r="J405" s="101" t="s">
        <v>826</v>
      </c>
    </row>
    <row r="406" spans="1:10" x14ac:dyDescent="0.25">
      <c r="A406" s="16" t="s">
        <v>1017</v>
      </c>
      <c r="B406" s="23">
        <v>45450</v>
      </c>
      <c r="C406" s="17" t="s">
        <v>1018</v>
      </c>
      <c r="D406" s="17" t="s">
        <v>1019</v>
      </c>
      <c r="E406" s="24">
        <v>31771602</v>
      </c>
      <c r="F406" s="17" t="s">
        <v>1020</v>
      </c>
      <c r="G406" s="110">
        <v>300</v>
      </c>
      <c r="H406" s="111">
        <v>300</v>
      </c>
      <c r="I406" s="25"/>
      <c r="J406" s="17">
        <v>1482024</v>
      </c>
    </row>
    <row r="407" spans="1:10" x14ac:dyDescent="0.25">
      <c r="A407" s="71" t="s">
        <v>1021</v>
      </c>
      <c r="B407" s="72">
        <v>45453</v>
      </c>
      <c r="C407" s="17" t="s">
        <v>442</v>
      </c>
      <c r="D407" s="73" t="s">
        <v>315</v>
      </c>
      <c r="E407" s="74">
        <v>53528654</v>
      </c>
      <c r="F407" s="73" t="s">
        <v>1022</v>
      </c>
      <c r="G407" s="129">
        <v>2281.27</v>
      </c>
      <c r="H407" s="130">
        <v>2281.27</v>
      </c>
      <c r="I407" s="102" t="s">
        <v>94</v>
      </c>
      <c r="J407" s="73"/>
    </row>
    <row r="408" spans="1:10" x14ac:dyDescent="0.25">
      <c r="A408" s="71" t="s">
        <v>1023</v>
      </c>
      <c r="B408" s="72">
        <v>45447</v>
      </c>
      <c r="C408" s="17" t="s">
        <v>1024</v>
      </c>
      <c r="D408" s="35" t="s">
        <v>77</v>
      </c>
      <c r="E408" s="36">
        <v>35763469</v>
      </c>
      <c r="F408" s="35" t="s">
        <v>1025</v>
      </c>
      <c r="G408" s="114">
        <v>5224.4399999999996</v>
      </c>
      <c r="H408" s="115">
        <v>6269.33</v>
      </c>
      <c r="I408" s="37" t="s">
        <v>79</v>
      </c>
      <c r="J408" s="35"/>
    </row>
    <row r="409" spans="1:10" x14ac:dyDescent="0.25">
      <c r="A409" s="16" t="s">
        <v>1026</v>
      </c>
      <c r="B409" s="23">
        <v>45454</v>
      </c>
      <c r="C409" s="17" t="s">
        <v>122</v>
      </c>
      <c r="D409" s="17" t="s">
        <v>123</v>
      </c>
      <c r="E409" s="24">
        <v>36237337</v>
      </c>
      <c r="F409" s="17" t="s">
        <v>1027</v>
      </c>
      <c r="G409" s="110">
        <v>105</v>
      </c>
      <c r="H409" s="111">
        <v>126</v>
      </c>
      <c r="I409" s="25"/>
      <c r="J409" s="17">
        <v>1682024</v>
      </c>
    </row>
    <row r="410" spans="1:10" x14ac:dyDescent="0.25">
      <c r="A410" s="16" t="s">
        <v>1028</v>
      </c>
      <c r="B410" s="48">
        <v>45454</v>
      </c>
      <c r="C410" s="13" t="s">
        <v>128</v>
      </c>
      <c r="D410" s="13" t="s">
        <v>129</v>
      </c>
      <c r="E410" s="18">
        <v>35954612</v>
      </c>
      <c r="F410" s="13" t="s">
        <v>1029</v>
      </c>
      <c r="G410" s="119">
        <v>1258.1300000000001</v>
      </c>
      <c r="H410" s="120">
        <v>1509.76</v>
      </c>
      <c r="I410" s="25" t="s">
        <v>183</v>
      </c>
      <c r="J410" s="13"/>
    </row>
    <row r="411" spans="1:10" x14ac:dyDescent="0.25">
      <c r="A411" s="16" t="s">
        <v>1030</v>
      </c>
      <c r="B411" s="48">
        <v>45454</v>
      </c>
      <c r="C411" s="13" t="s">
        <v>128</v>
      </c>
      <c r="D411" s="13" t="s">
        <v>129</v>
      </c>
      <c r="E411" s="18">
        <v>35954612</v>
      </c>
      <c r="F411" s="13" t="s">
        <v>1031</v>
      </c>
      <c r="G411" s="119">
        <v>6550</v>
      </c>
      <c r="H411" s="120">
        <v>7860</v>
      </c>
      <c r="I411" s="49" t="s">
        <v>617</v>
      </c>
      <c r="J411" s="13"/>
    </row>
    <row r="412" spans="1:10" x14ac:dyDescent="0.25">
      <c r="A412" s="16" t="s">
        <v>1032</v>
      </c>
      <c r="B412" s="48">
        <v>45454</v>
      </c>
      <c r="C412" s="13" t="s">
        <v>128</v>
      </c>
      <c r="D412" s="13" t="s">
        <v>129</v>
      </c>
      <c r="E412" s="18">
        <v>35954612</v>
      </c>
      <c r="F412" s="13" t="s">
        <v>1033</v>
      </c>
      <c r="G412" s="119">
        <v>6970</v>
      </c>
      <c r="H412" s="120">
        <v>8364</v>
      </c>
      <c r="I412" s="25" t="s">
        <v>617</v>
      </c>
      <c r="J412" s="13"/>
    </row>
    <row r="413" spans="1:10" x14ac:dyDescent="0.25">
      <c r="A413" s="16" t="s">
        <v>1034</v>
      </c>
      <c r="B413" s="48">
        <v>45454</v>
      </c>
      <c r="C413" s="13" t="s">
        <v>128</v>
      </c>
      <c r="D413" s="13" t="s">
        <v>129</v>
      </c>
      <c r="E413" s="18">
        <v>35954612</v>
      </c>
      <c r="F413" s="13" t="s">
        <v>1035</v>
      </c>
      <c r="G413" s="119">
        <v>5170</v>
      </c>
      <c r="H413" s="120">
        <v>6204</v>
      </c>
      <c r="I413" s="25" t="s">
        <v>617</v>
      </c>
      <c r="J413" s="13"/>
    </row>
    <row r="414" spans="1:10" x14ac:dyDescent="0.25">
      <c r="A414" s="16" t="s">
        <v>1036</v>
      </c>
      <c r="B414" s="48">
        <v>45454</v>
      </c>
      <c r="C414" s="13" t="s">
        <v>128</v>
      </c>
      <c r="D414" s="13" t="s">
        <v>129</v>
      </c>
      <c r="E414" s="18">
        <v>35954612</v>
      </c>
      <c r="F414" s="13" t="s">
        <v>1037</v>
      </c>
      <c r="G414" s="119">
        <v>6160</v>
      </c>
      <c r="H414" s="120">
        <v>7392</v>
      </c>
      <c r="I414" s="25" t="s">
        <v>617</v>
      </c>
      <c r="J414" s="13"/>
    </row>
    <row r="415" spans="1:10" x14ac:dyDescent="0.25">
      <c r="A415" s="16" t="s">
        <v>1038</v>
      </c>
      <c r="B415" s="48">
        <v>45454</v>
      </c>
      <c r="C415" s="13" t="s">
        <v>128</v>
      </c>
      <c r="D415" s="13" t="s">
        <v>129</v>
      </c>
      <c r="E415" s="18">
        <v>35954612</v>
      </c>
      <c r="F415" s="13" t="s">
        <v>1039</v>
      </c>
      <c r="G415" s="119">
        <v>28540</v>
      </c>
      <c r="H415" s="120">
        <v>34248</v>
      </c>
      <c r="I415" s="25" t="s">
        <v>617</v>
      </c>
      <c r="J415" s="13"/>
    </row>
    <row r="416" spans="1:10" x14ac:dyDescent="0.25">
      <c r="A416" s="16" t="s">
        <v>1040</v>
      </c>
      <c r="B416" s="48">
        <v>45454</v>
      </c>
      <c r="C416" s="13" t="s">
        <v>128</v>
      </c>
      <c r="D416" s="13" t="s">
        <v>129</v>
      </c>
      <c r="E416" s="18">
        <v>35954612</v>
      </c>
      <c r="F416" s="13" t="s">
        <v>1041</v>
      </c>
      <c r="G416" s="119">
        <v>7060</v>
      </c>
      <c r="H416" s="120">
        <v>8472</v>
      </c>
      <c r="I416" s="25" t="s">
        <v>617</v>
      </c>
      <c r="J416" s="13"/>
    </row>
    <row r="417" spans="1:10" x14ac:dyDescent="0.25">
      <c r="A417" s="16" t="s">
        <v>1042</v>
      </c>
      <c r="B417" s="48">
        <v>45454</v>
      </c>
      <c r="C417" s="13" t="s">
        <v>128</v>
      </c>
      <c r="D417" s="13" t="s">
        <v>129</v>
      </c>
      <c r="E417" s="18">
        <v>35954612</v>
      </c>
      <c r="F417" s="13" t="s">
        <v>1043</v>
      </c>
      <c r="G417" s="119">
        <v>6560</v>
      </c>
      <c r="H417" s="120">
        <v>7872</v>
      </c>
      <c r="I417" s="25" t="s">
        <v>617</v>
      </c>
      <c r="J417" s="13"/>
    </row>
    <row r="418" spans="1:10" x14ac:dyDescent="0.25">
      <c r="A418" s="16" t="s">
        <v>1044</v>
      </c>
      <c r="B418" s="48">
        <v>45454</v>
      </c>
      <c r="C418" s="13" t="s">
        <v>128</v>
      </c>
      <c r="D418" s="13" t="s">
        <v>129</v>
      </c>
      <c r="E418" s="18">
        <v>35954612</v>
      </c>
      <c r="F418" s="13" t="s">
        <v>1045</v>
      </c>
      <c r="G418" s="119">
        <v>10270</v>
      </c>
      <c r="H418" s="120">
        <v>12324</v>
      </c>
      <c r="I418" s="25" t="s">
        <v>617</v>
      </c>
      <c r="J418" s="13"/>
    </row>
    <row r="419" spans="1:10" x14ac:dyDescent="0.25">
      <c r="A419" s="16" t="s">
        <v>1046</v>
      </c>
      <c r="B419" s="48">
        <v>45454</v>
      </c>
      <c r="C419" s="13" t="s">
        <v>128</v>
      </c>
      <c r="D419" s="13" t="s">
        <v>129</v>
      </c>
      <c r="E419" s="18">
        <v>35954612</v>
      </c>
      <c r="F419" s="13" t="s">
        <v>1047</v>
      </c>
      <c r="G419" s="119">
        <v>6510</v>
      </c>
      <c r="H419" s="120">
        <v>7812</v>
      </c>
      <c r="I419" s="25" t="s">
        <v>617</v>
      </c>
      <c r="J419" s="13"/>
    </row>
    <row r="420" spans="1:10" x14ac:dyDescent="0.25">
      <c r="A420" s="16" t="s">
        <v>1048</v>
      </c>
      <c r="B420" s="48">
        <v>45454</v>
      </c>
      <c r="C420" s="13" t="s">
        <v>128</v>
      </c>
      <c r="D420" s="13" t="s">
        <v>129</v>
      </c>
      <c r="E420" s="18">
        <v>35954612</v>
      </c>
      <c r="F420" s="13" t="s">
        <v>1049</v>
      </c>
      <c r="G420" s="119">
        <v>7535.71</v>
      </c>
      <c r="H420" s="120">
        <v>9042.85</v>
      </c>
      <c r="I420" s="49" t="s">
        <v>183</v>
      </c>
      <c r="J420" s="13"/>
    </row>
    <row r="421" spans="1:10" x14ac:dyDescent="0.25">
      <c r="A421" s="16" t="s">
        <v>1050</v>
      </c>
      <c r="B421" s="48">
        <v>45454</v>
      </c>
      <c r="C421" s="13" t="s">
        <v>128</v>
      </c>
      <c r="D421" s="13" t="s">
        <v>129</v>
      </c>
      <c r="E421" s="18">
        <v>35954612</v>
      </c>
      <c r="F421" s="13" t="s">
        <v>1051</v>
      </c>
      <c r="G421" s="119">
        <v>1234.99</v>
      </c>
      <c r="H421" s="120">
        <v>1481.99</v>
      </c>
      <c r="I421" s="49" t="s">
        <v>183</v>
      </c>
      <c r="J421" s="13"/>
    </row>
    <row r="422" spans="1:10" x14ac:dyDescent="0.25">
      <c r="A422" s="16" t="s">
        <v>1052</v>
      </c>
      <c r="B422" s="48">
        <v>45454</v>
      </c>
      <c r="C422" s="13" t="s">
        <v>128</v>
      </c>
      <c r="D422" s="13" t="s">
        <v>129</v>
      </c>
      <c r="E422" s="18">
        <v>35954612</v>
      </c>
      <c r="F422" s="13" t="s">
        <v>1053</v>
      </c>
      <c r="G422" s="119">
        <v>1238.77</v>
      </c>
      <c r="H422" s="120">
        <v>1486.52</v>
      </c>
      <c r="I422" s="49" t="s">
        <v>183</v>
      </c>
      <c r="J422" s="13"/>
    </row>
    <row r="423" spans="1:10" x14ac:dyDescent="0.25">
      <c r="A423" s="16" t="s">
        <v>1054</v>
      </c>
      <c r="B423" s="48">
        <v>45454</v>
      </c>
      <c r="C423" s="13" t="s">
        <v>128</v>
      </c>
      <c r="D423" s="13" t="s">
        <v>129</v>
      </c>
      <c r="E423" s="18">
        <v>35954612</v>
      </c>
      <c r="F423" s="13" t="s">
        <v>1055</v>
      </c>
      <c r="G423" s="119">
        <v>1242.9100000000001</v>
      </c>
      <c r="H423" s="120">
        <v>1491.49</v>
      </c>
      <c r="I423" s="49" t="s">
        <v>183</v>
      </c>
      <c r="J423" s="13"/>
    </row>
    <row r="424" spans="1:10" x14ac:dyDescent="0.25">
      <c r="A424" s="16" t="s">
        <v>1056</v>
      </c>
      <c r="B424" s="48">
        <v>45454</v>
      </c>
      <c r="C424" s="13" t="s">
        <v>128</v>
      </c>
      <c r="D424" s="13" t="s">
        <v>129</v>
      </c>
      <c r="E424" s="18">
        <v>35954612</v>
      </c>
      <c r="F424" s="13" t="s">
        <v>1057</v>
      </c>
      <c r="G424" s="119">
        <v>1241.73</v>
      </c>
      <c r="H424" s="120">
        <v>1490.08</v>
      </c>
      <c r="I424" s="49" t="s">
        <v>183</v>
      </c>
      <c r="J424" s="13"/>
    </row>
    <row r="425" spans="1:10" x14ac:dyDescent="0.25">
      <c r="A425" s="16" t="s">
        <v>1058</v>
      </c>
      <c r="B425" s="48">
        <v>45454</v>
      </c>
      <c r="C425" s="13" t="s">
        <v>128</v>
      </c>
      <c r="D425" s="13" t="s">
        <v>129</v>
      </c>
      <c r="E425" s="18">
        <v>35954612</v>
      </c>
      <c r="F425" s="13" t="s">
        <v>1059</v>
      </c>
      <c r="G425" s="119">
        <v>1235.96</v>
      </c>
      <c r="H425" s="120">
        <v>1483.15</v>
      </c>
      <c r="I425" s="49" t="s">
        <v>183</v>
      </c>
      <c r="J425" s="13"/>
    </row>
    <row r="426" spans="1:10" x14ac:dyDescent="0.25">
      <c r="A426" s="50" t="s">
        <v>1060</v>
      </c>
      <c r="B426" s="61">
        <v>45454</v>
      </c>
      <c r="C426" s="14" t="s">
        <v>128</v>
      </c>
      <c r="D426" s="14" t="s">
        <v>129</v>
      </c>
      <c r="E426" s="62">
        <v>35954612</v>
      </c>
      <c r="F426" s="14" t="s">
        <v>1061</v>
      </c>
      <c r="G426" s="125">
        <v>1235.28</v>
      </c>
      <c r="H426" s="126">
        <v>1482.34</v>
      </c>
      <c r="I426" s="63" t="s">
        <v>183</v>
      </c>
      <c r="J426" s="14"/>
    </row>
    <row r="427" spans="1:10" x14ac:dyDescent="0.25">
      <c r="A427" s="50" t="s">
        <v>1062</v>
      </c>
      <c r="B427" s="51">
        <v>45454</v>
      </c>
      <c r="C427" s="17" t="s">
        <v>81</v>
      </c>
      <c r="D427" s="17" t="s">
        <v>82</v>
      </c>
      <c r="E427" s="24">
        <v>44413467</v>
      </c>
      <c r="F427" s="17" t="s">
        <v>85</v>
      </c>
      <c r="G427" s="110">
        <v>262</v>
      </c>
      <c r="H427" s="111">
        <v>314.39999999999998</v>
      </c>
      <c r="I427" s="25"/>
      <c r="J427" s="17">
        <v>1732024</v>
      </c>
    </row>
    <row r="428" spans="1:10" x14ac:dyDescent="0.25">
      <c r="A428" s="50" t="s">
        <v>1063</v>
      </c>
      <c r="B428" s="61">
        <v>45454</v>
      </c>
      <c r="C428" s="14" t="s">
        <v>81</v>
      </c>
      <c r="D428" s="17" t="s">
        <v>82</v>
      </c>
      <c r="E428" s="24">
        <v>44413467</v>
      </c>
      <c r="F428" s="17" t="s">
        <v>85</v>
      </c>
      <c r="G428" s="110">
        <v>262</v>
      </c>
      <c r="H428" s="111">
        <v>314.39999999999998</v>
      </c>
      <c r="I428" s="25"/>
      <c r="J428" s="17">
        <v>1732024</v>
      </c>
    </row>
    <row r="429" spans="1:10" x14ac:dyDescent="0.25">
      <c r="A429" s="50" t="s">
        <v>1064</v>
      </c>
      <c r="B429" s="51">
        <v>45455</v>
      </c>
      <c r="C429" s="17" t="s">
        <v>337</v>
      </c>
      <c r="D429" s="17" t="s">
        <v>118</v>
      </c>
      <c r="E429" s="24">
        <v>36631124</v>
      </c>
      <c r="F429" s="17" t="s">
        <v>1065</v>
      </c>
      <c r="G429" s="110">
        <v>136.47</v>
      </c>
      <c r="H429" s="111">
        <v>139.30000000000001</v>
      </c>
      <c r="I429" s="25" t="s">
        <v>120</v>
      </c>
      <c r="J429" s="17"/>
    </row>
    <row r="430" spans="1:10" x14ac:dyDescent="0.25">
      <c r="A430" s="16" t="s">
        <v>1066</v>
      </c>
      <c r="B430" s="48">
        <v>45455</v>
      </c>
      <c r="C430" s="13" t="s">
        <v>337</v>
      </c>
      <c r="D430" s="17" t="s">
        <v>118</v>
      </c>
      <c r="E430" s="24">
        <v>36631124</v>
      </c>
      <c r="F430" s="17" t="s">
        <v>903</v>
      </c>
      <c r="G430" s="119">
        <v>749.65</v>
      </c>
      <c r="H430" s="120">
        <v>749.65</v>
      </c>
      <c r="I430" s="25" t="s">
        <v>120</v>
      </c>
      <c r="J430" s="13"/>
    </row>
    <row r="431" spans="1:10" x14ac:dyDescent="0.25">
      <c r="A431" s="16" t="s">
        <v>1067</v>
      </c>
      <c r="B431" s="23">
        <v>45455</v>
      </c>
      <c r="C431" s="17" t="s">
        <v>337</v>
      </c>
      <c r="D431" s="17" t="s">
        <v>118</v>
      </c>
      <c r="E431" s="24">
        <v>36631124</v>
      </c>
      <c r="F431" s="17" t="s">
        <v>1068</v>
      </c>
      <c r="G431" s="110">
        <v>596.4</v>
      </c>
      <c r="H431" s="111">
        <v>596.4</v>
      </c>
      <c r="I431" s="25" t="s">
        <v>120</v>
      </c>
      <c r="J431" s="17"/>
    </row>
    <row r="432" spans="1:10" x14ac:dyDescent="0.25">
      <c r="A432" s="16" t="s">
        <v>1069</v>
      </c>
      <c r="B432" s="23">
        <v>45455</v>
      </c>
      <c r="C432" s="17" t="s">
        <v>337</v>
      </c>
      <c r="D432" s="17" t="s">
        <v>118</v>
      </c>
      <c r="E432" s="24">
        <v>36631124</v>
      </c>
      <c r="F432" s="17" t="s">
        <v>808</v>
      </c>
      <c r="G432" s="110">
        <v>1189.5999999999999</v>
      </c>
      <c r="H432" s="111">
        <v>1189.5999999999999</v>
      </c>
      <c r="I432" s="25" t="s">
        <v>120</v>
      </c>
      <c r="J432" s="17"/>
    </row>
    <row r="433" spans="1:10" x14ac:dyDescent="0.25">
      <c r="A433" s="16" t="s">
        <v>1070</v>
      </c>
      <c r="B433" s="48">
        <v>45455</v>
      </c>
      <c r="C433" s="13" t="s">
        <v>337</v>
      </c>
      <c r="D433" s="17" t="s">
        <v>118</v>
      </c>
      <c r="E433" s="24">
        <v>36631124</v>
      </c>
      <c r="F433" s="17" t="s">
        <v>812</v>
      </c>
      <c r="G433" s="119">
        <v>489.25</v>
      </c>
      <c r="H433" s="120">
        <v>489.25</v>
      </c>
      <c r="I433" s="25" t="s">
        <v>120</v>
      </c>
      <c r="J433" s="13"/>
    </row>
    <row r="434" spans="1:10" x14ac:dyDescent="0.25">
      <c r="A434" s="16" t="s">
        <v>1071</v>
      </c>
      <c r="B434" s="23">
        <v>45455</v>
      </c>
      <c r="C434" s="17" t="s">
        <v>81</v>
      </c>
      <c r="D434" s="17" t="s">
        <v>82</v>
      </c>
      <c r="E434" s="24">
        <v>44413467</v>
      </c>
      <c r="F434" s="17" t="s">
        <v>1072</v>
      </c>
      <c r="G434" s="110">
        <v>524</v>
      </c>
      <c r="H434" s="111">
        <v>628.79999999999995</v>
      </c>
      <c r="I434" s="25"/>
      <c r="J434" s="17">
        <v>1732024</v>
      </c>
    </row>
    <row r="435" spans="1:10" x14ac:dyDescent="0.25">
      <c r="A435" s="16" t="s">
        <v>1073</v>
      </c>
      <c r="B435" s="23">
        <v>45456</v>
      </c>
      <c r="C435" s="17" t="s">
        <v>1074</v>
      </c>
      <c r="D435" s="17" t="s">
        <v>1075</v>
      </c>
      <c r="E435" s="24">
        <v>36782637</v>
      </c>
      <c r="F435" s="17" t="s">
        <v>1076</v>
      </c>
      <c r="G435" s="110">
        <v>70.83</v>
      </c>
      <c r="H435" s="111">
        <v>85</v>
      </c>
      <c r="I435" s="25"/>
      <c r="J435" s="17">
        <v>1612024</v>
      </c>
    </row>
    <row r="436" spans="1:10" x14ac:dyDescent="0.25">
      <c r="A436" s="16" t="s">
        <v>1077</v>
      </c>
      <c r="B436" s="23">
        <v>45455</v>
      </c>
      <c r="C436" s="17" t="s">
        <v>1078</v>
      </c>
      <c r="D436" s="17" t="s">
        <v>1079</v>
      </c>
      <c r="E436" s="24">
        <v>47411431</v>
      </c>
      <c r="F436" s="17" t="s">
        <v>1080</v>
      </c>
      <c r="G436" s="110">
        <v>75</v>
      </c>
      <c r="H436" s="111">
        <v>90</v>
      </c>
      <c r="I436" s="25"/>
      <c r="J436" s="17">
        <v>1672024</v>
      </c>
    </row>
    <row r="437" spans="1:10" x14ac:dyDescent="0.25">
      <c r="A437" s="16" t="s">
        <v>1081</v>
      </c>
      <c r="B437" s="48">
        <v>45455</v>
      </c>
      <c r="C437" s="13" t="s">
        <v>883</v>
      </c>
      <c r="D437" s="13" t="s">
        <v>884</v>
      </c>
      <c r="E437" s="18">
        <v>31609058</v>
      </c>
      <c r="F437" s="13" t="s">
        <v>1082</v>
      </c>
      <c r="G437" s="119">
        <v>152.5</v>
      </c>
      <c r="H437" s="120">
        <v>183</v>
      </c>
      <c r="I437" s="49" t="s">
        <v>886</v>
      </c>
      <c r="J437" s="13"/>
    </row>
    <row r="438" spans="1:10" x14ac:dyDescent="0.25">
      <c r="A438" s="16" t="s">
        <v>1083</v>
      </c>
      <c r="B438" s="48">
        <v>45457</v>
      </c>
      <c r="C438" s="13" t="s">
        <v>337</v>
      </c>
      <c r="D438" s="17" t="s">
        <v>118</v>
      </c>
      <c r="E438" s="24">
        <v>36631124</v>
      </c>
      <c r="F438" s="17" t="s">
        <v>1084</v>
      </c>
      <c r="G438" s="119">
        <v>-3.22</v>
      </c>
      <c r="H438" s="120">
        <v>3.22</v>
      </c>
      <c r="I438" s="25" t="s">
        <v>120</v>
      </c>
      <c r="J438" s="13"/>
    </row>
    <row r="439" spans="1:10" x14ac:dyDescent="0.25">
      <c r="A439" s="16" t="s">
        <v>1085</v>
      </c>
      <c r="B439" s="23">
        <v>45456</v>
      </c>
      <c r="C439" s="17" t="s">
        <v>149</v>
      </c>
      <c r="D439" s="17" t="s">
        <v>315</v>
      </c>
      <c r="E439" s="24">
        <v>35889063</v>
      </c>
      <c r="F439" s="17" t="s">
        <v>1086</v>
      </c>
      <c r="G439" s="110">
        <v>11.27</v>
      </c>
      <c r="H439" s="111">
        <v>13.52</v>
      </c>
      <c r="I439" s="95" t="s">
        <v>831</v>
      </c>
      <c r="J439" s="17"/>
    </row>
    <row r="440" spans="1:10" x14ac:dyDescent="0.25">
      <c r="A440" s="16" t="s">
        <v>1087</v>
      </c>
      <c r="B440" s="23">
        <v>45456</v>
      </c>
      <c r="C440" s="17" t="s">
        <v>149</v>
      </c>
      <c r="D440" s="17" t="s">
        <v>315</v>
      </c>
      <c r="E440" s="24">
        <v>35889063</v>
      </c>
      <c r="F440" s="17" t="s">
        <v>1088</v>
      </c>
      <c r="G440" s="110">
        <v>1810.21</v>
      </c>
      <c r="H440" s="111">
        <v>2172.2199999999998</v>
      </c>
      <c r="I440" s="95" t="s">
        <v>831</v>
      </c>
      <c r="J440" s="17"/>
    </row>
    <row r="441" spans="1:10" x14ac:dyDescent="0.25">
      <c r="A441" s="16" t="s">
        <v>1089</v>
      </c>
      <c r="B441" s="48">
        <v>45456</v>
      </c>
      <c r="C441" s="13" t="s">
        <v>1090</v>
      </c>
      <c r="D441" s="13" t="s">
        <v>1091</v>
      </c>
      <c r="E441" s="18">
        <v>36302716</v>
      </c>
      <c r="F441" s="13" t="s">
        <v>1092</v>
      </c>
      <c r="G441" s="119">
        <v>78.180000000000007</v>
      </c>
      <c r="H441" s="120">
        <v>93.82</v>
      </c>
      <c r="I441" s="49"/>
      <c r="J441" s="13">
        <v>1762024</v>
      </c>
    </row>
    <row r="442" spans="1:10" x14ac:dyDescent="0.25">
      <c r="A442" s="103" t="s">
        <v>1093</v>
      </c>
      <c r="B442" s="48">
        <v>45460</v>
      </c>
      <c r="C442" s="13" t="s">
        <v>188</v>
      </c>
      <c r="D442" s="13" t="s">
        <v>189</v>
      </c>
      <c r="E442" s="18">
        <v>42156424</v>
      </c>
      <c r="F442" s="13" t="s">
        <v>1094</v>
      </c>
      <c r="G442" s="119">
        <v>8892.4500000000007</v>
      </c>
      <c r="H442" s="120">
        <v>10670.94</v>
      </c>
      <c r="I442" s="49" t="s">
        <v>191</v>
      </c>
      <c r="J442" s="13"/>
    </row>
    <row r="443" spans="1:10" x14ac:dyDescent="0.25">
      <c r="A443" s="103" t="s">
        <v>1095</v>
      </c>
      <c r="B443" s="48">
        <v>45460</v>
      </c>
      <c r="C443" s="13" t="s">
        <v>188</v>
      </c>
      <c r="D443" s="13" t="s">
        <v>189</v>
      </c>
      <c r="E443" s="18">
        <v>42156424</v>
      </c>
      <c r="F443" s="17" t="s">
        <v>762</v>
      </c>
      <c r="G443" s="119">
        <v>25.6</v>
      </c>
      <c r="H443" s="120">
        <v>30.72</v>
      </c>
      <c r="I443" s="49"/>
      <c r="J443" s="13">
        <v>1522024</v>
      </c>
    </row>
    <row r="444" spans="1:10" x14ac:dyDescent="0.25">
      <c r="A444" s="103" t="s">
        <v>1096</v>
      </c>
      <c r="B444" s="48">
        <v>45460</v>
      </c>
      <c r="C444" s="13" t="s">
        <v>128</v>
      </c>
      <c r="D444" s="13" t="s">
        <v>129</v>
      </c>
      <c r="E444" s="18">
        <v>35954612</v>
      </c>
      <c r="F444" s="13" t="s">
        <v>1097</v>
      </c>
      <c r="G444" s="119">
        <v>960</v>
      </c>
      <c r="H444" s="120">
        <v>1152</v>
      </c>
      <c r="I444" s="49" t="s">
        <v>183</v>
      </c>
      <c r="J444" s="13">
        <v>1272024</v>
      </c>
    </row>
    <row r="445" spans="1:10" x14ac:dyDescent="0.25">
      <c r="A445" s="103" t="s">
        <v>1098</v>
      </c>
      <c r="B445" s="48">
        <v>45460</v>
      </c>
      <c r="C445" s="13" t="s">
        <v>128</v>
      </c>
      <c r="D445" s="13" t="s">
        <v>129</v>
      </c>
      <c r="E445" s="18">
        <v>35954612</v>
      </c>
      <c r="F445" s="13" t="s">
        <v>1099</v>
      </c>
      <c r="G445" s="119">
        <v>400</v>
      </c>
      <c r="H445" s="120">
        <v>480</v>
      </c>
      <c r="I445" s="49" t="s">
        <v>183</v>
      </c>
      <c r="J445" s="13">
        <v>382024</v>
      </c>
    </row>
    <row r="446" spans="1:10" x14ac:dyDescent="0.25">
      <c r="A446" s="103" t="s">
        <v>1100</v>
      </c>
      <c r="B446" s="48">
        <v>45460</v>
      </c>
      <c r="C446" s="13" t="s">
        <v>128</v>
      </c>
      <c r="D446" s="13" t="s">
        <v>129</v>
      </c>
      <c r="E446" s="18">
        <v>35954612</v>
      </c>
      <c r="F446" s="13" t="s">
        <v>1097</v>
      </c>
      <c r="G446" s="119">
        <v>320</v>
      </c>
      <c r="H446" s="120">
        <v>384</v>
      </c>
      <c r="I446" s="49" t="s">
        <v>183</v>
      </c>
      <c r="J446" s="13">
        <v>1272024</v>
      </c>
    </row>
    <row r="447" spans="1:10" x14ac:dyDescent="0.25">
      <c r="A447" s="103" t="s">
        <v>1101</v>
      </c>
      <c r="B447" s="48">
        <v>45460</v>
      </c>
      <c r="C447" s="13" t="s">
        <v>128</v>
      </c>
      <c r="D447" s="13" t="s">
        <v>129</v>
      </c>
      <c r="E447" s="18">
        <v>35954612</v>
      </c>
      <c r="F447" s="13" t="s">
        <v>1097</v>
      </c>
      <c r="G447" s="119">
        <v>320</v>
      </c>
      <c r="H447" s="120">
        <v>384</v>
      </c>
      <c r="I447" s="49" t="s">
        <v>183</v>
      </c>
      <c r="J447" s="13">
        <v>1272024</v>
      </c>
    </row>
    <row r="448" spans="1:10" x14ac:dyDescent="0.25">
      <c r="A448" s="103" t="s">
        <v>1102</v>
      </c>
      <c r="B448" s="48">
        <v>45460</v>
      </c>
      <c r="C448" s="13" t="s">
        <v>128</v>
      </c>
      <c r="D448" s="13" t="s">
        <v>129</v>
      </c>
      <c r="E448" s="18">
        <v>35954612</v>
      </c>
      <c r="F448" s="13" t="s">
        <v>1099</v>
      </c>
      <c r="G448" s="119">
        <v>400</v>
      </c>
      <c r="H448" s="120">
        <v>480</v>
      </c>
      <c r="I448" s="49" t="s">
        <v>183</v>
      </c>
      <c r="J448" s="13">
        <v>382024</v>
      </c>
    </row>
    <row r="449" spans="1:10" x14ac:dyDescent="0.25">
      <c r="A449" s="103" t="s">
        <v>1103</v>
      </c>
      <c r="B449" s="48">
        <v>45460</v>
      </c>
      <c r="C449" s="13" t="s">
        <v>128</v>
      </c>
      <c r="D449" s="13" t="s">
        <v>129</v>
      </c>
      <c r="E449" s="18">
        <v>35954612</v>
      </c>
      <c r="F449" s="13" t="s">
        <v>1099</v>
      </c>
      <c r="G449" s="119">
        <v>400</v>
      </c>
      <c r="H449" s="120">
        <v>480</v>
      </c>
      <c r="I449" s="49" t="s">
        <v>183</v>
      </c>
      <c r="J449" s="13">
        <v>382024</v>
      </c>
    </row>
    <row r="450" spans="1:10" x14ac:dyDescent="0.25">
      <c r="A450" s="103" t="s">
        <v>1104</v>
      </c>
      <c r="B450" s="48">
        <v>45460</v>
      </c>
      <c r="C450" s="13" t="s">
        <v>128</v>
      </c>
      <c r="D450" s="13" t="s">
        <v>129</v>
      </c>
      <c r="E450" s="18">
        <v>35954612</v>
      </c>
      <c r="F450" s="13" t="s">
        <v>1099</v>
      </c>
      <c r="G450" s="119">
        <v>400</v>
      </c>
      <c r="H450" s="120">
        <v>480</v>
      </c>
      <c r="I450" s="49" t="s">
        <v>183</v>
      </c>
      <c r="J450" s="13">
        <v>382024</v>
      </c>
    </row>
    <row r="451" spans="1:10" x14ac:dyDescent="0.25">
      <c r="A451" s="103" t="s">
        <v>1105</v>
      </c>
      <c r="B451" s="48">
        <v>45460</v>
      </c>
      <c r="C451" s="13" t="s">
        <v>128</v>
      </c>
      <c r="D451" s="13" t="s">
        <v>129</v>
      </c>
      <c r="E451" s="18">
        <v>35954612</v>
      </c>
      <c r="F451" s="13" t="s">
        <v>1099</v>
      </c>
      <c r="G451" s="119">
        <v>400</v>
      </c>
      <c r="H451" s="120">
        <v>480</v>
      </c>
      <c r="I451" s="49" t="s">
        <v>183</v>
      </c>
      <c r="J451" s="13">
        <v>382024</v>
      </c>
    </row>
    <row r="452" spans="1:10" x14ac:dyDescent="0.25">
      <c r="A452" s="103" t="s">
        <v>1106</v>
      </c>
      <c r="B452" s="48">
        <v>45460</v>
      </c>
      <c r="C452" s="13" t="s">
        <v>128</v>
      </c>
      <c r="D452" s="13" t="s">
        <v>129</v>
      </c>
      <c r="E452" s="18">
        <v>35954612</v>
      </c>
      <c r="F452" s="13" t="s">
        <v>1099</v>
      </c>
      <c r="G452" s="119">
        <v>400</v>
      </c>
      <c r="H452" s="120">
        <v>480</v>
      </c>
      <c r="I452" s="49" t="s">
        <v>183</v>
      </c>
      <c r="J452" s="13">
        <v>382024</v>
      </c>
    </row>
    <row r="453" spans="1:10" x14ac:dyDescent="0.25">
      <c r="A453" s="103" t="s">
        <v>1107</v>
      </c>
      <c r="B453" s="48">
        <v>45460</v>
      </c>
      <c r="C453" s="13" t="s">
        <v>128</v>
      </c>
      <c r="D453" s="13" t="s">
        <v>129</v>
      </c>
      <c r="E453" s="18">
        <v>35954612</v>
      </c>
      <c r="F453" s="13" t="s">
        <v>1099</v>
      </c>
      <c r="G453" s="119">
        <v>400</v>
      </c>
      <c r="H453" s="120">
        <v>480</v>
      </c>
      <c r="I453" s="49" t="s">
        <v>183</v>
      </c>
      <c r="J453" s="13">
        <v>382024</v>
      </c>
    </row>
    <row r="454" spans="1:10" x14ac:dyDescent="0.25">
      <c r="A454" s="103" t="s">
        <v>1108</v>
      </c>
      <c r="B454" s="48">
        <v>45460</v>
      </c>
      <c r="C454" s="13" t="s">
        <v>278</v>
      </c>
      <c r="D454" s="13" t="s">
        <v>279</v>
      </c>
      <c r="E454" s="18">
        <v>36404136</v>
      </c>
      <c r="F454" s="13" t="s">
        <v>1109</v>
      </c>
      <c r="G454" s="119">
        <v>9771.08</v>
      </c>
      <c r="H454" s="120">
        <v>11725.27</v>
      </c>
      <c r="I454" s="49" t="s">
        <v>311</v>
      </c>
      <c r="J454" s="13"/>
    </row>
    <row r="455" spans="1:10" x14ac:dyDescent="0.25">
      <c r="A455" s="103" t="s">
        <v>1110</v>
      </c>
      <c r="B455" s="48">
        <v>45460</v>
      </c>
      <c r="C455" s="13" t="s">
        <v>278</v>
      </c>
      <c r="D455" s="13" t="s">
        <v>279</v>
      </c>
      <c r="E455" s="18">
        <v>36404136</v>
      </c>
      <c r="F455" s="13" t="s">
        <v>1111</v>
      </c>
      <c r="G455" s="119">
        <v>2400</v>
      </c>
      <c r="H455" s="120">
        <v>2880</v>
      </c>
      <c r="I455" s="49" t="s">
        <v>311</v>
      </c>
      <c r="J455" s="13"/>
    </row>
    <row r="456" spans="1:10" x14ac:dyDescent="0.25">
      <c r="A456" s="103" t="s">
        <v>1112</v>
      </c>
      <c r="B456" s="48">
        <v>45460</v>
      </c>
      <c r="C456" s="13" t="s">
        <v>278</v>
      </c>
      <c r="D456" s="13" t="s">
        <v>279</v>
      </c>
      <c r="E456" s="18">
        <v>36404136</v>
      </c>
      <c r="F456" s="13" t="s">
        <v>1113</v>
      </c>
      <c r="G456" s="119">
        <v>46528.800000000003</v>
      </c>
      <c r="H456" s="120">
        <v>46528.800000000003</v>
      </c>
      <c r="I456" s="49" t="s">
        <v>311</v>
      </c>
      <c r="J456" s="13"/>
    </row>
    <row r="457" spans="1:10" x14ac:dyDescent="0.25">
      <c r="A457" s="16" t="s">
        <v>1114</v>
      </c>
      <c r="B457" s="48">
        <v>45461</v>
      </c>
      <c r="C457" s="13" t="s">
        <v>337</v>
      </c>
      <c r="D457" s="17" t="s">
        <v>118</v>
      </c>
      <c r="E457" s="24">
        <v>36631124</v>
      </c>
      <c r="F457" s="17" t="s">
        <v>1115</v>
      </c>
      <c r="G457" s="119">
        <v>270.39999999999998</v>
      </c>
      <c r="H457" s="120">
        <v>270.39999999999998</v>
      </c>
      <c r="I457" s="25" t="s">
        <v>120</v>
      </c>
      <c r="J457" s="13"/>
    </row>
    <row r="458" spans="1:10" x14ac:dyDescent="0.25">
      <c r="A458" s="16" t="s">
        <v>1116</v>
      </c>
      <c r="B458" s="48">
        <v>45461</v>
      </c>
      <c r="C458" s="13" t="s">
        <v>337</v>
      </c>
      <c r="D458" s="17" t="s">
        <v>118</v>
      </c>
      <c r="E458" s="24">
        <v>36631124</v>
      </c>
      <c r="F458" s="17" t="s">
        <v>1117</v>
      </c>
      <c r="G458" s="119">
        <v>4220.75</v>
      </c>
      <c r="H458" s="120">
        <v>4220.75</v>
      </c>
      <c r="I458" s="25" t="s">
        <v>120</v>
      </c>
      <c r="J458" s="13"/>
    </row>
    <row r="459" spans="1:10" x14ac:dyDescent="0.25">
      <c r="A459" s="16" t="s">
        <v>1118</v>
      </c>
      <c r="B459" s="48">
        <v>45461</v>
      </c>
      <c r="C459" s="13" t="s">
        <v>337</v>
      </c>
      <c r="D459" s="17" t="s">
        <v>118</v>
      </c>
      <c r="E459" s="24">
        <v>36631124</v>
      </c>
      <c r="F459" s="17" t="s">
        <v>1119</v>
      </c>
      <c r="G459" s="119">
        <v>1362.4</v>
      </c>
      <c r="H459" s="120">
        <v>1362.4</v>
      </c>
      <c r="I459" s="25" t="s">
        <v>120</v>
      </c>
      <c r="J459" s="13"/>
    </row>
    <row r="460" spans="1:10" x14ac:dyDescent="0.25">
      <c r="A460" s="16" t="s">
        <v>1120</v>
      </c>
      <c r="B460" s="23">
        <v>45460</v>
      </c>
      <c r="C460" s="17" t="s">
        <v>105</v>
      </c>
      <c r="D460" s="17" t="s">
        <v>106</v>
      </c>
      <c r="E460" s="24">
        <v>48201529</v>
      </c>
      <c r="F460" s="17" t="s">
        <v>109</v>
      </c>
      <c r="G460" s="110">
        <v>448.34</v>
      </c>
      <c r="H460" s="111">
        <v>538</v>
      </c>
      <c r="I460" s="25"/>
      <c r="J460" s="17">
        <v>172024</v>
      </c>
    </row>
    <row r="461" spans="1:10" x14ac:dyDescent="0.25">
      <c r="A461" s="16" t="s">
        <v>1121</v>
      </c>
      <c r="B461" s="23">
        <v>45462</v>
      </c>
      <c r="C461" s="17" t="s">
        <v>530</v>
      </c>
      <c r="D461" s="17" t="s">
        <v>531</v>
      </c>
      <c r="E461" s="24">
        <v>47139200</v>
      </c>
      <c r="F461" s="17" t="s">
        <v>1122</v>
      </c>
      <c r="G461" s="110">
        <v>100</v>
      </c>
      <c r="H461" s="111">
        <v>120</v>
      </c>
      <c r="I461" s="25"/>
      <c r="J461" s="17">
        <v>1822024</v>
      </c>
    </row>
    <row r="462" spans="1:10" x14ac:dyDescent="0.25">
      <c r="A462" s="16" t="s">
        <v>1123</v>
      </c>
      <c r="B462" s="23">
        <v>45462</v>
      </c>
      <c r="C462" s="17" t="s">
        <v>530</v>
      </c>
      <c r="D462" s="17" t="s">
        <v>531</v>
      </c>
      <c r="E462" s="24">
        <v>47139200</v>
      </c>
      <c r="F462" s="17" t="s">
        <v>1122</v>
      </c>
      <c r="G462" s="110">
        <v>100</v>
      </c>
      <c r="H462" s="111">
        <v>120</v>
      </c>
      <c r="I462" s="25"/>
      <c r="J462" s="17">
        <v>1582024</v>
      </c>
    </row>
    <row r="463" spans="1:10" x14ac:dyDescent="0.25">
      <c r="A463" s="11" t="s">
        <v>1124</v>
      </c>
      <c r="B463" s="48">
        <v>45463</v>
      </c>
      <c r="C463" s="13" t="s">
        <v>1125</v>
      </c>
      <c r="D463" s="13" t="s">
        <v>123</v>
      </c>
      <c r="E463" s="18">
        <v>47165367</v>
      </c>
      <c r="F463" s="13" t="s">
        <v>1126</v>
      </c>
      <c r="G463" s="119">
        <v>350</v>
      </c>
      <c r="H463" s="120">
        <v>420</v>
      </c>
      <c r="I463" s="49"/>
      <c r="J463" s="13">
        <v>1722024</v>
      </c>
    </row>
    <row r="464" spans="1:10" x14ac:dyDescent="0.25">
      <c r="A464" s="16" t="s">
        <v>1127</v>
      </c>
      <c r="B464" s="23">
        <v>45460</v>
      </c>
      <c r="C464" s="17" t="s">
        <v>29</v>
      </c>
      <c r="D464" s="17" t="s">
        <v>30</v>
      </c>
      <c r="E464" s="24">
        <v>51436817</v>
      </c>
      <c r="F464" s="17" t="s">
        <v>31</v>
      </c>
      <c r="G464" s="110">
        <v>1415.77</v>
      </c>
      <c r="H464" s="111">
        <v>1698.92</v>
      </c>
      <c r="I464" s="25"/>
      <c r="J464" s="17">
        <v>1692024</v>
      </c>
    </row>
    <row r="465" spans="1:10" x14ac:dyDescent="0.25">
      <c r="A465" s="16" t="s">
        <v>1128</v>
      </c>
      <c r="B465" s="23">
        <v>45457</v>
      </c>
      <c r="C465" s="17" t="s">
        <v>37</v>
      </c>
      <c r="D465" s="17" t="s">
        <v>38</v>
      </c>
      <c r="E465" s="24">
        <v>36287229</v>
      </c>
      <c r="F465" s="17" t="s">
        <v>1129</v>
      </c>
      <c r="G465" s="110">
        <v>163.33000000000001</v>
      </c>
      <c r="H465" s="111">
        <v>196</v>
      </c>
      <c r="I465" s="25">
        <v>1512024</v>
      </c>
      <c r="J465" s="17"/>
    </row>
    <row r="466" spans="1:10" x14ac:dyDescent="0.25">
      <c r="A466" s="16" t="s">
        <v>1130</v>
      </c>
      <c r="B466" s="23">
        <v>45460</v>
      </c>
      <c r="C466" s="17" t="s">
        <v>1131</v>
      </c>
      <c r="D466" s="17" t="s">
        <v>1132</v>
      </c>
      <c r="E466" s="24">
        <v>36679879</v>
      </c>
      <c r="F466" s="17" t="s">
        <v>1133</v>
      </c>
      <c r="G466" s="110">
        <v>310</v>
      </c>
      <c r="H466" s="111">
        <v>372</v>
      </c>
      <c r="I466" s="25">
        <v>1542024</v>
      </c>
      <c r="J466" s="17"/>
    </row>
    <row r="467" spans="1:10" x14ac:dyDescent="0.25">
      <c r="A467" s="103" t="s">
        <v>1134</v>
      </c>
      <c r="B467" s="48">
        <v>45468</v>
      </c>
      <c r="C467" s="13" t="s">
        <v>37</v>
      </c>
      <c r="D467" s="13" t="s">
        <v>38</v>
      </c>
      <c r="E467" s="18">
        <v>36287229</v>
      </c>
      <c r="F467" s="13" t="s">
        <v>1135</v>
      </c>
      <c r="G467" s="119">
        <v>81.67</v>
      </c>
      <c r="H467" s="120">
        <v>98</v>
      </c>
      <c r="I467" s="49"/>
      <c r="J467" s="13">
        <v>1832024</v>
      </c>
    </row>
    <row r="468" spans="1:10" x14ac:dyDescent="0.25">
      <c r="A468" s="103" t="s">
        <v>1136</v>
      </c>
      <c r="B468" s="48">
        <v>45469</v>
      </c>
      <c r="C468" s="13" t="s">
        <v>37</v>
      </c>
      <c r="D468" s="13" t="s">
        <v>38</v>
      </c>
      <c r="E468" s="18">
        <v>36287229</v>
      </c>
      <c r="F468" s="13" t="s">
        <v>1137</v>
      </c>
      <c r="G468" s="119">
        <v>81.67</v>
      </c>
      <c r="H468" s="120">
        <v>98</v>
      </c>
      <c r="I468" s="49"/>
      <c r="J468" s="13">
        <v>1802024</v>
      </c>
    </row>
    <row r="469" spans="1:10" x14ac:dyDescent="0.25">
      <c r="A469" s="104" t="s">
        <v>1138</v>
      </c>
      <c r="B469" s="48">
        <v>45469</v>
      </c>
      <c r="C469" s="13" t="s">
        <v>1139</v>
      </c>
      <c r="D469" s="13" t="s">
        <v>1140</v>
      </c>
      <c r="E469" s="18">
        <v>31320414</v>
      </c>
      <c r="F469" s="13" t="s">
        <v>1141</v>
      </c>
      <c r="G469" s="119">
        <v>30</v>
      </c>
      <c r="H469" s="120">
        <v>36</v>
      </c>
      <c r="I469" s="49"/>
      <c r="J469" s="13">
        <v>1922024</v>
      </c>
    </row>
  </sheetData>
  <pageMargins left="0.70866141732283472" right="0.70866141732283472" top="0.74803149606299213" bottom="0.74803149606299213" header="0.31496062992125984" footer="0.31496062992125984"/>
  <pageSetup paperSize="9" scale="70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2AC1FCDB68342A44861F6A379E5104EF" ma:contentTypeVersion="15" ma:contentTypeDescription="Umožňuje vytvoriť nový dokument." ma:contentTypeScope="" ma:versionID="690201317b60552824e4d3d77ac601e2">
  <xsd:schema xmlns:xsd="http://www.w3.org/2001/XMLSchema" xmlns:xs="http://www.w3.org/2001/XMLSchema" xmlns:p="http://schemas.microsoft.com/office/2006/metadata/properties" xmlns:ns2="a3dbe902-1830-4b09-99a2-11e34016a5bd" xmlns:ns3="68fe7fc4-d367-48bf-9400-9d6c33ef7c9d" targetNamespace="http://schemas.microsoft.com/office/2006/metadata/properties" ma:root="true" ma:fieldsID="e4363efe0a15739c98fc16d79cc9e35b" ns2:_="" ns3:_="">
    <xsd:import namespace="a3dbe902-1830-4b09-99a2-11e34016a5bd"/>
    <xsd:import namespace="68fe7fc4-d367-48bf-9400-9d6c33ef7c9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ServiceLocation" minOccurs="0"/>
                <xsd:element ref="ns2:MediaLengthInSeconds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3dbe902-1830-4b09-99a2-11e34016a5b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Značky obrázka" ma:readOnly="false" ma:fieldId="{5cf76f15-5ced-4ddc-b409-7134ff3c332f}" ma:taxonomyMulti="true" ma:sspId="7c2571c0-8e58-4833-bba3-1b2dad5cc6cd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Location" ma:index="19" nillable="true" ma:displayName="Location" ma:indexed="true" ma:internalName="MediaServiceLocation" ma:readOnly="true">
      <xsd:simpleType>
        <xsd:restriction base="dms:Text"/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1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2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8fe7fc4-d367-48bf-9400-9d6c33ef7c9d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Zdieľa sa s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Zdieľané s podrobnosťami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3db5ba77-e906-4935-bf93-5f5d75b6d349}" ma:internalName="TaxCatchAll" ma:showField="CatchAllData" ma:web="68fe7fc4-d367-48bf-9400-9d6c33ef7c9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68fe7fc4-d367-48bf-9400-9d6c33ef7c9d" xsi:nil="true"/>
    <lcf76f155ced4ddcb4097134ff3c332f xmlns="a3dbe902-1830-4b09-99a2-11e34016a5bd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7D8ABF1D-5221-42E3-A989-03409C2E8BF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3dbe902-1830-4b09-99a2-11e34016a5bd"/>
    <ds:schemaRef ds:uri="68fe7fc4-d367-48bf-9400-9d6c33ef7c9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D2C5422B-8F0E-4FD8-ACF6-AA027E82334B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7942CF0-F3E6-45DC-B06F-C87BE34BF37B}">
  <ds:schemaRefs>
    <ds:schemaRef ds:uri="http://schemas.microsoft.com/office/2006/metadata/properties"/>
    <ds:schemaRef ds:uri="http://schemas.microsoft.com/office/infopath/2007/PartnerControls"/>
    <ds:schemaRef ds:uri="68fe7fc4-d367-48bf-9400-9d6c33ef7c9d"/>
    <ds:schemaRef ds:uri="a3dbe902-1830-4b09-99a2-11e34016a5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Hárok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ana Štepková</dc:creator>
  <cp:lastModifiedBy>Zlatica Kratochvílová</cp:lastModifiedBy>
  <cp:lastPrinted>2024-06-28T07:00:30Z</cp:lastPrinted>
  <dcterms:created xsi:type="dcterms:W3CDTF">2024-02-01T09:19:22Z</dcterms:created>
  <dcterms:modified xsi:type="dcterms:W3CDTF">2024-06-28T12:09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AC1FCDB68342A44861F6A379E5104EF</vt:lpwstr>
  </property>
</Properties>
</file>